
<file path=[Content_Types].xml><?xml version="1.0" encoding="utf-8"?>
<Types xmlns="http://schemas.openxmlformats.org/package/2006/content-types">
  <Default Extension="bin" ContentType="application/vnd.openxmlformats-officedocument.oleObject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21"/>
  </p:notesMasterIdLst>
  <p:sldIdLst>
    <p:sldId id="356" r:id="rId2"/>
    <p:sldId id="364" r:id="rId3"/>
    <p:sldId id="259" r:id="rId4"/>
    <p:sldId id="366" r:id="rId5"/>
    <p:sldId id="347" r:id="rId6"/>
    <p:sldId id="368" r:id="rId7"/>
    <p:sldId id="371" r:id="rId8"/>
    <p:sldId id="372" r:id="rId9"/>
    <p:sldId id="345" r:id="rId10"/>
    <p:sldId id="367" r:id="rId11"/>
    <p:sldId id="365" r:id="rId12"/>
    <p:sldId id="352" r:id="rId13"/>
    <p:sldId id="348" r:id="rId14"/>
    <p:sldId id="357" r:id="rId15"/>
    <p:sldId id="350" r:id="rId16"/>
    <p:sldId id="374" r:id="rId17"/>
    <p:sldId id="373" r:id="rId18"/>
    <p:sldId id="362" r:id="rId19"/>
    <p:sldId id="363" r:id="rId2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298FC2"/>
    <a:srgbClr val="63666A"/>
    <a:srgbClr val="E57200"/>
    <a:srgbClr val="FCB61A"/>
    <a:srgbClr val="FF2F92"/>
    <a:srgbClr val="FF8AD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516"/>
    <p:restoredTop sz="93467" autoAdjust="0"/>
  </p:normalViewPr>
  <p:slideViewPr>
    <p:cSldViewPr snapToGrid="0" snapToObjects="1">
      <p:cViewPr varScale="1">
        <p:scale>
          <a:sx n="103" d="100"/>
          <a:sy n="103" d="100"/>
        </p:scale>
        <p:origin x="79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microsoft.com/office/2016/11/relationships/changesInfo" Target="changesInfos/changesInfo1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ara Mazzarini" userId="0e6bb3c30e2f90fe" providerId="LiveId" clId="{669E0C1D-28E8-4F1A-91D8-C7BCD3A75A4F}"/>
    <pc:docChg chg="undo custSel modSld">
      <pc:chgData name="Cara Mazzarini" userId="0e6bb3c30e2f90fe" providerId="LiveId" clId="{669E0C1D-28E8-4F1A-91D8-C7BCD3A75A4F}" dt="2019-07-23T16:56:24.179" v="11194"/>
      <pc:docMkLst>
        <pc:docMk/>
      </pc:docMkLst>
      <pc:sldChg chg="addSp delSp modSp">
        <pc:chgData name="Cara Mazzarini" userId="0e6bb3c30e2f90fe" providerId="LiveId" clId="{669E0C1D-28E8-4F1A-91D8-C7BCD3A75A4F}" dt="2019-07-23T16:56:24.179" v="11194"/>
        <pc:sldMkLst>
          <pc:docMk/>
          <pc:sldMk cId="108548855" sldId="259"/>
        </pc:sldMkLst>
        <pc:spChg chg="add del mod">
          <ac:chgData name="Cara Mazzarini" userId="0e6bb3c30e2f90fe" providerId="LiveId" clId="{669E0C1D-28E8-4F1A-91D8-C7BCD3A75A4F}" dt="2019-07-23T16:52:40.955" v="4079"/>
          <ac:spMkLst>
            <pc:docMk/>
            <pc:sldMk cId="108548855" sldId="259"/>
            <ac:spMk id="2" creationId="{2186C0CB-381F-45DA-95CA-778AFE99BB6A}"/>
          </ac:spMkLst>
        </pc:spChg>
        <pc:spChg chg="add del mod">
          <ac:chgData name="Cara Mazzarini" userId="0e6bb3c30e2f90fe" providerId="LiveId" clId="{669E0C1D-28E8-4F1A-91D8-C7BCD3A75A4F}" dt="2019-07-23T16:52:40.955" v="4081"/>
          <ac:spMkLst>
            <pc:docMk/>
            <pc:sldMk cId="108548855" sldId="259"/>
            <ac:spMk id="3" creationId="{18A703D5-7D52-44BC-B2FC-69014789ECD5}"/>
          </ac:spMkLst>
        </pc:spChg>
        <pc:spChg chg="add del mod">
          <ac:chgData name="Cara Mazzarini" userId="0e6bb3c30e2f90fe" providerId="LiveId" clId="{669E0C1D-28E8-4F1A-91D8-C7BCD3A75A4F}" dt="2019-07-23T16:52:40.956" v="4082"/>
          <ac:spMkLst>
            <pc:docMk/>
            <pc:sldMk cId="108548855" sldId="259"/>
            <ac:spMk id="4" creationId="{A7FBEB97-90DA-4A97-9167-A0CA7C3C362C}"/>
          </ac:spMkLst>
        </pc:spChg>
        <pc:spChg chg="add del mod">
          <ac:chgData name="Cara Mazzarini" userId="0e6bb3c30e2f90fe" providerId="LiveId" clId="{669E0C1D-28E8-4F1A-91D8-C7BCD3A75A4F}" dt="2019-07-23T16:52:40.956" v="4084"/>
          <ac:spMkLst>
            <pc:docMk/>
            <pc:sldMk cId="108548855" sldId="259"/>
            <ac:spMk id="5" creationId="{7BE2D052-CCBD-48FC-AD72-190005EB5C81}"/>
          </ac:spMkLst>
        </pc:spChg>
        <pc:spChg chg="add del mod">
          <ac:chgData name="Cara Mazzarini" userId="0e6bb3c30e2f90fe" providerId="LiveId" clId="{669E0C1D-28E8-4F1A-91D8-C7BCD3A75A4F}" dt="2019-07-23T16:52:40.957" v="4086"/>
          <ac:spMkLst>
            <pc:docMk/>
            <pc:sldMk cId="108548855" sldId="259"/>
            <ac:spMk id="6" creationId="{8250FA24-1BA9-404A-87F3-7B080DB90332}"/>
          </ac:spMkLst>
        </pc:spChg>
        <pc:spChg chg="add del mod">
          <ac:chgData name="Cara Mazzarini" userId="0e6bb3c30e2f90fe" providerId="LiveId" clId="{669E0C1D-28E8-4F1A-91D8-C7BCD3A75A4F}" dt="2019-07-23T16:52:40.957" v="4088"/>
          <ac:spMkLst>
            <pc:docMk/>
            <pc:sldMk cId="108548855" sldId="259"/>
            <ac:spMk id="7" creationId="{AD572B88-F66A-44FE-8C65-1BF12A9138BA}"/>
          </ac:spMkLst>
        </pc:spChg>
        <pc:spChg chg="add del mod">
          <ac:chgData name="Cara Mazzarini" userId="0e6bb3c30e2f90fe" providerId="LiveId" clId="{669E0C1D-28E8-4F1A-91D8-C7BCD3A75A4F}" dt="2019-07-23T16:52:40.958" v="4090"/>
          <ac:spMkLst>
            <pc:docMk/>
            <pc:sldMk cId="108548855" sldId="259"/>
            <ac:spMk id="8" creationId="{78F4D2F8-BEBE-4DC2-AFFD-F42E8781BF77}"/>
          </ac:spMkLst>
        </pc:spChg>
        <pc:spChg chg="add del mod">
          <ac:chgData name="Cara Mazzarini" userId="0e6bb3c30e2f90fe" providerId="LiveId" clId="{669E0C1D-28E8-4F1A-91D8-C7BCD3A75A4F}" dt="2019-07-23T16:52:40.959" v="4092"/>
          <ac:spMkLst>
            <pc:docMk/>
            <pc:sldMk cId="108548855" sldId="259"/>
            <ac:spMk id="9" creationId="{EA48C5D2-98A3-4B72-8D9B-BE395562FCE4}"/>
          </ac:spMkLst>
        </pc:spChg>
        <pc:spChg chg="add del mod">
          <ac:chgData name="Cara Mazzarini" userId="0e6bb3c30e2f90fe" providerId="LiveId" clId="{669E0C1D-28E8-4F1A-91D8-C7BCD3A75A4F}" dt="2019-07-23T16:52:40.959" v="4094"/>
          <ac:spMkLst>
            <pc:docMk/>
            <pc:sldMk cId="108548855" sldId="259"/>
            <ac:spMk id="10" creationId="{9026E927-D378-4474-BE87-902AF2A6A4D8}"/>
          </ac:spMkLst>
        </pc:spChg>
        <pc:spChg chg="add del mod">
          <ac:chgData name="Cara Mazzarini" userId="0e6bb3c30e2f90fe" providerId="LiveId" clId="{669E0C1D-28E8-4F1A-91D8-C7BCD3A75A4F}" dt="2019-07-23T16:52:40.960" v="4096"/>
          <ac:spMkLst>
            <pc:docMk/>
            <pc:sldMk cId="108548855" sldId="259"/>
            <ac:spMk id="11" creationId="{4AE8D25D-9889-4620-A90B-91576CB58943}"/>
          </ac:spMkLst>
        </pc:spChg>
        <pc:spChg chg="add del mod">
          <ac:chgData name="Cara Mazzarini" userId="0e6bb3c30e2f90fe" providerId="LiveId" clId="{669E0C1D-28E8-4F1A-91D8-C7BCD3A75A4F}" dt="2019-07-23T16:52:40.960" v="4098"/>
          <ac:spMkLst>
            <pc:docMk/>
            <pc:sldMk cId="108548855" sldId="259"/>
            <ac:spMk id="12" creationId="{1F559072-654E-481B-83A7-0A5A9BBCCA40}"/>
          </ac:spMkLst>
        </pc:spChg>
        <pc:spChg chg="add del mod">
          <ac:chgData name="Cara Mazzarini" userId="0e6bb3c30e2f90fe" providerId="LiveId" clId="{669E0C1D-28E8-4F1A-91D8-C7BCD3A75A4F}" dt="2019-07-23T16:52:40.961" v="4100"/>
          <ac:spMkLst>
            <pc:docMk/>
            <pc:sldMk cId="108548855" sldId="259"/>
            <ac:spMk id="13" creationId="{C9456B75-F8C7-4769-ABA0-A9191D800E45}"/>
          </ac:spMkLst>
        </pc:spChg>
        <pc:spChg chg="add del mod">
          <ac:chgData name="Cara Mazzarini" userId="0e6bb3c30e2f90fe" providerId="LiveId" clId="{669E0C1D-28E8-4F1A-91D8-C7BCD3A75A4F}" dt="2019-07-23T16:52:40.961" v="4102"/>
          <ac:spMkLst>
            <pc:docMk/>
            <pc:sldMk cId="108548855" sldId="259"/>
            <ac:spMk id="14" creationId="{1CC3FE3B-A3E2-4859-B0E8-9CBCDE1EF28A}"/>
          </ac:spMkLst>
        </pc:spChg>
        <pc:spChg chg="add del mod">
          <ac:chgData name="Cara Mazzarini" userId="0e6bb3c30e2f90fe" providerId="LiveId" clId="{669E0C1D-28E8-4F1A-91D8-C7BCD3A75A4F}" dt="2019-07-23T16:52:40.962" v="4104"/>
          <ac:spMkLst>
            <pc:docMk/>
            <pc:sldMk cId="108548855" sldId="259"/>
            <ac:spMk id="15" creationId="{97321F72-DA12-4AF6-A87F-EEAD48996333}"/>
          </ac:spMkLst>
        </pc:spChg>
        <pc:spChg chg="add del mod">
          <ac:chgData name="Cara Mazzarini" userId="0e6bb3c30e2f90fe" providerId="LiveId" clId="{669E0C1D-28E8-4F1A-91D8-C7BCD3A75A4F}" dt="2019-07-23T16:52:40.963" v="4106"/>
          <ac:spMkLst>
            <pc:docMk/>
            <pc:sldMk cId="108548855" sldId="259"/>
            <ac:spMk id="16" creationId="{9C1BC5CF-C4A6-474E-8133-BD5E04EC8AA8}"/>
          </ac:spMkLst>
        </pc:spChg>
        <pc:spChg chg="add del mod">
          <ac:chgData name="Cara Mazzarini" userId="0e6bb3c30e2f90fe" providerId="LiveId" clId="{669E0C1D-28E8-4F1A-91D8-C7BCD3A75A4F}" dt="2019-07-23T16:52:40.968" v="4126"/>
          <ac:spMkLst>
            <pc:docMk/>
            <pc:sldMk cId="108548855" sldId="259"/>
            <ac:spMk id="2144" creationId="{1A53C854-339A-40BE-8688-652ED9E4C4F3}"/>
          </ac:spMkLst>
        </pc:spChg>
        <pc:spChg chg="mod ord">
          <ac:chgData name="Cara Mazzarini" userId="0e6bb3c30e2f90fe" providerId="LiveId" clId="{669E0C1D-28E8-4F1A-91D8-C7BCD3A75A4F}" dt="2019-07-23T16:56:24.179" v="11194"/>
          <ac:spMkLst>
            <pc:docMk/>
            <pc:sldMk cId="108548855" sldId="259"/>
            <ac:spMk id="2145" creationId="{4C0EA552-90B3-4ECD-9245-9CAAD02B0CCF}"/>
          </ac:spMkLst>
        </pc:spChg>
        <pc:spChg chg="add del mod">
          <ac:chgData name="Cara Mazzarini" userId="0e6bb3c30e2f90fe" providerId="LiveId" clId="{669E0C1D-28E8-4F1A-91D8-C7BCD3A75A4F}" dt="2019-07-23T16:52:40.969" v="4128"/>
          <ac:spMkLst>
            <pc:docMk/>
            <pc:sldMk cId="108548855" sldId="259"/>
            <ac:spMk id="2146" creationId="{1E7484B3-EB8C-4114-8B57-8C00A7C77E07}"/>
          </ac:spMkLst>
        </pc:spChg>
        <pc:spChg chg="add del mod">
          <ac:chgData name="Cara Mazzarini" userId="0e6bb3c30e2f90fe" providerId="LiveId" clId="{669E0C1D-28E8-4F1A-91D8-C7BCD3A75A4F}" dt="2019-07-23T16:52:40.969" v="4130"/>
          <ac:spMkLst>
            <pc:docMk/>
            <pc:sldMk cId="108548855" sldId="259"/>
            <ac:spMk id="2147" creationId="{6FDE50C6-3725-480B-AF54-214468B4E3FC}"/>
          </ac:spMkLst>
        </pc:spChg>
        <pc:spChg chg="add del mod">
          <ac:chgData name="Cara Mazzarini" userId="0e6bb3c30e2f90fe" providerId="LiveId" clId="{669E0C1D-28E8-4F1A-91D8-C7BCD3A75A4F}" dt="2019-07-23T16:52:40.969" v="4131"/>
          <ac:spMkLst>
            <pc:docMk/>
            <pc:sldMk cId="108548855" sldId="259"/>
            <ac:spMk id="2148" creationId="{3DC949B4-FC99-473C-85EE-7CF9C215EE2B}"/>
          </ac:spMkLst>
        </pc:spChg>
        <pc:spChg chg="add del mod">
          <ac:chgData name="Cara Mazzarini" userId="0e6bb3c30e2f90fe" providerId="LiveId" clId="{669E0C1D-28E8-4F1A-91D8-C7BCD3A75A4F}" dt="2019-07-23T16:52:40.970" v="4133"/>
          <ac:spMkLst>
            <pc:docMk/>
            <pc:sldMk cId="108548855" sldId="259"/>
            <ac:spMk id="2149" creationId="{59CFA11C-BB19-40C9-864E-6B674FBBD091}"/>
          </ac:spMkLst>
        </pc:spChg>
        <pc:spChg chg="add del mod">
          <ac:chgData name="Cara Mazzarini" userId="0e6bb3c30e2f90fe" providerId="LiveId" clId="{669E0C1D-28E8-4F1A-91D8-C7BCD3A75A4F}" dt="2019-07-23T16:52:40.970" v="4135"/>
          <ac:spMkLst>
            <pc:docMk/>
            <pc:sldMk cId="108548855" sldId="259"/>
            <ac:spMk id="2150" creationId="{B6F5A18C-0777-4C2B-8FAF-FABDC3EF0DA1}"/>
          </ac:spMkLst>
        </pc:spChg>
        <pc:spChg chg="add del mod">
          <ac:chgData name="Cara Mazzarini" userId="0e6bb3c30e2f90fe" providerId="LiveId" clId="{669E0C1D-28E8-4F1A-91D8-C7BCD3A75A4F}" dt="2019-07-23T16:52:40.971" v="4136"/>
          <ac:spMkLst>
            <pc:docMk/>
            <pc:sldMk cId="108548855" sldId="259"/>
            <ac:spMk id="2151" creationId="{85FEF5DA-CD53-4A3A-9B2A-19EF3842D874}"/>
          </ac:spMkLst>
        </pc:spChg>
        <pc:spChg chg="add del mod">
          <ac:chgData name="Cara Mazzarini" userId="0e6bb3c30e2f90fe" providerId="LiveId" clId="{669E0C1D-28E8-4F1A-91D8-C7BCD3A75A4F}" dt="2019-07-23T16:52:40.971" v="4138"/>
          <ac:spMkLst>
            <pc:docMk/>
            <pc:sldMk cId="108548855" sldId="259"/>
            <ac:spMk id="2152" creationId="{47E82C9E-FFC6-4233-B82B-B2AACEEAA1EB}"/>
          </ac:spMkLst>
        </pc:spChg>
        <pc:spChg chg="add del mod">
          <ac:chgData name="Cara Mazzarini" userId="0e6bb3c30e2f90fe" providerId="LiveId" clId="{669E0C1D-28E8-4F1A-91D8-C7BCD3A75A4F}" dt="2019-07-23T16:52:40.972" v="4140"/>
          <ac:spMkLst>
            <pc:docMk/>
            <pc:sldMk cId="108548855" sldId="259"/>
            <ac:spMk id="2153" creationId="{5EC62E39-4FC1-481F-A459-A46A9243DD66}"/>
          </ac:spMkLst>
        </pc:spChg>
        <pc:spChg chg="add del mod">
          <ac:chgData name="Cara Mazzarini" userId="0e6bb3c30e2f90fe" providerId="LiveId" clId="{669E0C1D-28E8-4F1A-91D8-C7BCD3A75A4F}" dt="2019-07-23T16:52:40.972" v="4141"/>
          <ac:spMkLst>
            <pc:docMk/>
            <pc:sldMk cId="108548855" sldId="259"/>
            <ac:spMk id="2154" creationId="{29F17B91-B6E4-4507-B428-E5905453385D}"/>
          </ac:spMkLst>
        </pc:spChg>
        <pc:spChg chg="add del mod">
          <ac:chgData name="Cara Mazzarini" userId="0e6bb3c30e2f90fe" providerId="LiveId" clId="{669E0C1D-28E8-4F1A-91D8-C7BCD3A75A4F}" dt="2019-07-23T16:52:40.973" v="4143"/>
          <ac:spMkLst>
            <pc:docMk/>
            <pc:sldMk cId="108548855" sldId="259"/>
            <ac:spMk id="2155" creationId="{ACBF80E2-B8C8-4314-A604-87CA419752EF}"/>
          </ac:spMkLst>
        </pc:spChg>
        <pc:spChg chg="add del mod">
          <ac:chgData name="Cara Mazzarini" userId="0e6bb3c30e2f90fe" providerId="LiveId" clId="{669E0C1D-28E8-4F1A-91D8-C7BCD3A75A4F}" dt="2019-07-23T16:52:40.973" v="4145"/>
          <ac:spMkLst>
            <pc:docMk/>
            <pc:sldMk cId="108548855" sldId="259"/>
            <ac:spMk id="2156" creationId="{51324BD9-D75B-49A5-A66F-581B107B1191}"/>
          </ac:spMkLst>
        </pc:spChg>
        <pc:spChg chg="add del mod">
          <ac:chgData name="Cara Mazzarini" userId="0e6bb3c30e2f90fe" providerId="LiveId" clId="{669E0C1D-28E8-4F1A-91D8-C7BCD3A75A4F}" dt="2019-07-23T16:52:40.974" v="4146"/>
          <ac:spMkLst>
            <pc:docMk/>
            <pc:sldMk cId="108548855" sldId="259"/>
            <ac:spMk id="2157" creationId="{DB493EFE-BBAE-47F8-821A-4B90C6D59937}"/>
          </ac:spMkLst>
        </pc:spChg>
        <pc:spChg chg="add del mod">
          <ac:chgData name="Cara Mazzarini" userId="0e6bb3c30e2f90fe" providerId="LiveId" clId="{669E0C1D-28E8-4F1A-91D8-C7BCD3A75A4F}" dt="2019-07-23T16:52:40.974" v="4148"/>
          <ac:spMkLst>
            <pc:docMk/>
            <pc:sldMk cId="108548855" sldId="259"/>
            <ac:spMk id="2158" creationId="{211C9AF6-25C9-4BAE-9A26-306C889401FF}"/>
          </ac:spMkLst>
        </pc:spChg>
        <pc:spChg chg="add del mod">
          <ac:chgData name="Cara Mazzarini" userId="0e6bb3c30e2f90fe" providerId="LiveId" clId="{669E0C1D-28E8-4F1A-91D8-C7BCD3A75A4F}" dt="2019-07-23T16:52:40.975" v="4150"/>
          <ac:spMkLst>
            <pc:docMk/>
            <pc:sldMk cId="108548855" sldId="259"/>
            <ac:spMk id="2159" creationId="{69729DE7-04B0-4BB4-9DF6-5559990FA1E4}"/>
          </ac:spMkLst>
        </pc:spChg>
        <pc:spChg chg="add del mod">
          <ac:chgData name="Cara Mazzarini" userId="0e6bb3c30e2f90fe" providerId="LiveId" clId="{669E0C1D-28E8-4F1A-91D8-C7BCD3A75A4F}" dt="2019-07-23T16:52:40.975" v="4151"/>
          <ac:spMkLst>
            <pc:docMk/>
            <pc:sldMk cId="108548855" sldId="259"/>
            <ac:spMk id="2160" creationId="{8B0BD98E-4401-484B-938C-7BF826717212}"/>
          </ac:spMkLst>
        </pc:spChg>
        <pc:spChg chg="add del mod">
          <ac:chgData name="Cara Mazzarini" userId="0e6bb3c30e2f90fe" providerId="LiveId" clId="{669E0C1D-28E8-4F1A-91D8-C7BCD3A75A4F}" dt="2019-07-23T16:52:40.976" v="4153"/>
          <ac:spMkLst>
            <pc:docMk/>
            <pc:sldMk cId="108548855" sldId="259"/>
            <ac:spMk id="2161" creationId="{59948600-2B9E-4EDF-A080-2E65EFE9DD57}"/>
          </ac:spMkLst>
        </pc:spChg>
        <pc:spChg chg="add del mod">
          <ac:chgData name="Cara Mazzarini" userId="0e6bb3c30e2f90fe" providerId="LiveId" clId="{669E0C1D-28E8-4F1A-91D8-C7BCD3A75A4F}" dt="2019-07-23T16:52:40.977" v="4155"/>
          <ac:spMkLst>
            <pc:docMk/>
            <pc:sldMk cId="108548855" sldId="259"/>
            <ac:spMk id="2162" creationId="{4187CFDE-89B0-40A0-A6A6-3FA04B1BEFEF}"/>
          </ac:spMkLst>
        </pc:spChg>
        <pc:spChg chg="add del mod">
          <ac:chgData name="Cara Mazzarini" userId="0e6bb3c30e2f90fe" providerId="LiveId" clId="{669E0C1D-28E8-4F1A-91D8-C7BCD3A75A4F}" dt="2019-07-23T16:52:40.977" v="4156"/>
          <ac:spMkLst>
            <pc:docMk/>
            <pc:sldMk cId="108548855" sldId="259"/>
            <ac:spMk id="2163" creationId="{41331613-5D5E-48CD-A91B-91B21DAE121D}"/>
          </ac:spMkLst>
        </pc:spChg>
        <pc:spChg chg="add del mod">
          <ac:chgData name="Cara Mazzarini" userId="0e6bb3c30e2f90fe" providerId="LiveId" clId="{669E0C1D-28E8-4F1A-91D8-C7BCD3A75A4F}" dt="2019-07-23T16:52:40.978" v="4158"/>
          <ac:spMkLst>
            <pc:docMk/>
            <pc:sldMk cId="108548855" sldId="259"/>
            <ac:spMk id="2164" creationId="{4F250640-FB2F-45C8-A1E2-A244282DDCC1}"/>
          </ac:spMkLst>
        </pc:spChg>
        <pc:spChg chg="add del mod">
          <ac:chgData name="Cara Mazzarini" userId="0e6bb3c30e2f90fe" providerId="LiveId" clId="{669E0C1D-28E8-4F1A-91D8-C7BCD3A75A4F}" dt="2019-07-23T16:52:40.979" v="4160"/>
          <ac:spMkLst>
            <pc:docMk/>
            <pc:sldMk cId="108548855" sldId="259"/>
            <ac:spMk id="2165" creationId="{3AB26D49-6938-463E-B907-5A1E42D2E20D}"/>
          </ac:spMkLst>
        </pc:spChg>
        <pc:spChg chg="add del mod">
          <ac:chgData name="Cara Mazzarini" userId="0e6bb3c30e2f90fe" providerId="LiveId" clId="{669E0C1D-28E8-4F1A-91D8-C7BCD3A75A4F}" dt="2019-07-23T16:52:40.979" v="4161"/>
          <ac:spMkLst>
            <pc:docMk/>
            <pc:sldMk cId="108548855" sldId="259"/>
            <ac:spMk id="2166" creationId="{66944F80-3766-40A0-A9C8-3CB5795A04DA}"/>
          </ac:spMkLst>
        </pc:spChg>
        <pc:spChg chg="add del mod">
          <ac:chgData name="Cara Mazzarini" userId="0e6bb3c30e2f90fe" providerId="LiveId" clId="{669E0C1D-28E8-4F1A-91D8-C7BCD3A75A4F}" dt="2019-07-23T16:52:40.979" v="4163"/>
          <ac:spMkLst>
            <pc:docMk/>
            <pc:sldMk cId="108548855" sldId="259"/>
            <ac:spMk id="2167" creationId="{3C7D2B2D-AC12-4BC7-974B-8AE689184985}"/>
          </ac:spMkLst>
        </pc:spChg>
        <pc:spChg chg="add del mod">
          <ac:chgData name="Cara Mazzarini" userId="0e6bb3c30e2f90fe" providerId="LiveId" clId="{669E0C1D-28E8-4F1A-91D8-C7BCD3A75A4F}" dt="2019-07-23T16:52:40.980" v="4165"/>
          <ac:spMkLst>
            <pc:docMk/>
            <pc:sldMk cId="108548855" sldId="259"/>
            <ac:spMk id="2168" creationId="{0C126540-F60C-4ABE-A8A2-33670E352E8C}"/>
          </ac:spMkLst>
        </pc:spChg>
        <pc:spChg chg="add del mod">
          <ac:chgData name="Cara Mazzarini" userId="0e6bb3c30e2f90fe" providerId="LiveId" clId="{669E0C1D-28E8-4F1A-91D8-C7BCD3A75A4F}" dt="2019-07-23T16:52:40.980" v="4166"/>
          <ac:spMkLst>
            <pc:docMk/>
            <pc:sldMk cId="108548855" sldId="259"/>
            <ac:spMk id="2169" creationId="{FF7D05FB-B3DF-42DD-A06D-B274CAF023E0}"/>
          </ac:spMkLst>
        </pc:spChg>
        <pc:spChg chg="add del mod">
          <ac:chgData name="Cara Mazzarini" userId="0e6bb3c30e2f90fe" providerId="LiveId" clId="{669E0C1D-28E8-4F1A-91D8-C7BCD3A75A4F}" dt="2019-07-23T16:52:40.981" v="4168"/>
          <ac:spMkLst>
            <pc:docMk/>
            <pc:sldMk cId="108548855" sldId="259"/>
            <ac:spMk id="2170" creationId="{21CCDB09-2FF7-4E18-A930-DE036BD54F94}"/>
          </ac:spMkLst>
        </pc:spChg>
        <pc:spChg chg="add del mod">
          <ac:chgData name="Cara Mazzarini" userId="0e6bb3c30e2f90fe" providerId="LiveId" clId="{669E0C1D-28E8-4F1A-91D8-C7BCD3A75A4F}" dt="2019-07-23T16:52:40.981" v="4170"/>
          <ac:spMkLst>
            <pc:docMk/>
            <pc:sldMk cId="108548855" sldId="259"/>
            <ac:spMk id="2171" creationId="{42090B68-8D7F-48AD-93EA-5EFAB1C32643}"/>
          </ac:spMkLst>
        </pc:spChg>
        <pc:spChg chg="add del mod">
          <ac:chgData name="Cara Mazzarini" userId="0e6bb3c30e2f90fe" providerId="LiveId" clId="{669E0C1D-28E8-4F1A-91D8-C7BCD3A75A4F}" dt="2019-07-23T16:52:40.982" v="4171"/>
          <ac:spMkLst>
            <pc:docMk/>
            <pc:sldMk cId="108548855" sldId="259"/>
            <ac:spMk id="2172" creationId="{C8F4E389-3794-4732-899B-FF58C01A6599}"/>
          </ac:spMkLst>
        </pc:spChg>
        <pc:spChg chg="add del mod">
          <ac:chgData name="Cara Mazzarini" userId="0e6bb3c30e2f90fe" providerId="LiveId" clId="{669E0C1D-28E8-4F1A-91D8-C7BCD3A75A4F}" dt="2019-07-23T16:52:40.982" v="4173"/>
          <ac:spMkLst>
            <pc:docMk/>
            <pc:sldMk cId="108548855" sldId="259"/>
            <ac:spMk id="2173" creationId="{864A9724-BAB0-4BFA-93FE-DF52AB052BE0}"/>
          </ac:spMkLst>
        </pc:spChg>
        <pc:spChg chg="add del mod">
          <ac:chgData name="Cara Mazzarini" userId="0e6bb3c30e2f90fe" providerId="LiveId" clId="{669E0C1D-28E8-4F1A-91D8-C7BCD3A75A4F}" dt="2019-07-23T16:52:40.983" v="4175"/>
          <ac:spMkLst>
            <pc:docMk/>
            <pc:sldMk cId="108548855" sldId="259"/>
            <ac:spMk id="2174" creationId="{23D5116B-9480-4E68-9E2F-9C65C22FA13A}"/>
          </ac:spMkLst>
        </pc:spChg>
        <pc:spChg chg="add del mod">
          <ac:chgData name="Cara Mazzarini" userId="0e6bb3c30e2f90fe" providerId="LiveId" clId="{669E0C1D-28E8-4F1A-91D8-C7BCD3A75A4F}" dt="2019-07-23T16:52:40.983" v="4176"/>
          <ac:spMkLst>
            <pc:docMk/>
            <pc:sldMk cId="108548855" sldId="259"/>
            <ac:spMk id="2175" creationId="{1E5887F7-2B49-4AB7-A04F-34EA9FCA9B55}"/>
          </ac:spMkLst>
        </pc:spChg>
        <pc:spChg chg="add del mod">
          <ac:chgData name="Cara Mazzarini" userId="0e6bb3c30e2f90fe" providerId="LiveId" clId="{669E0C1D-28E8-4F1A-91D8-C7BCD3A75A4F}" dt="2019-07-23T16:52:40.963" v="4108"/>
          <ac:spMkLst>
            <pc:docMk/>
            <pc:sldMk cId="108548855" sldId="259"/>
            <ac:spMk id="7180" creationId="{C317769E-B958-4116-AC83-62BCC29D6BA8}"/>
          </ac:spMkLst>
        </pc:spChg>
        <pc:spChg chg="add del mod">
          <ac:chgData name="Cara Mazzarini" userId="0e6bb3c30e2f90fe" providerId="LiveId" clId="{669E0C1D-28E8-4F1A-91D8-C7BCD3A75A4F}" dt="2019-07-23T16:52:40.963" v="4110"/>
          <ac:spMkLst>
            <pc:docMk/>
            <pc:sldMk cId="108548855" sldId="259"/>
            <ac:spMk id="7181" creationId="{F9BF7822-86AD-4EC3-9E85-8341BC6E124B}"/>
          </ac:spMkLst>
        </pc:spChg>
        <pc:spChg chg="add del mod">
          <ac:chgData name="Cara Mazzarini" userId="0e6bb3c30e2f90fe" providerId="LiveId" clId="{669E0C1D-28E8-4F1A-91D8-C7BCD3A75A4F}" dt="2019-07-23T16:52:40.964" v="4111"/>
          <ac:spMkLst>
            <pc:docMk/>
            <pc:sldMk cId="108548855" sldId="259"/>
            <ac:spMk id="7182" creationId="{F175495C-F5CF-4B04-A966-52433ABEE9FE}"/>
          </ac:spMkLst>
        </pc:spChg>
        <pc:spChg chg="add del mod">
          <ac:chgData name="Cara Mazzarini" userId="0e6bb3c30e2f90fe" providerId="LiveId" clId="{669E0C1D-28E8-4F1A-91D8-C7BCD3A75A4F}" dt="2019-07-23T16:52:40.964" v="4113"/>
          <ac:spMkLst>
            <pc:docMk/>
            <pc:sldMk cId="108548855" sldId="259"/>
            <ac:spMk id="7183" creationId="{33CA7E0A-6385-46CD-AC0A-28BE32312AC8}"/>
          </ac:spMkLst>
        </pc:spChg>
        <pc:spChg chg="add del mod">
          <ac:chgData name="Cara Mazzarini" userId="0e6bb3c30e2f90fe" providerId="LiveId" clId="{669E0C1D-28E8-4F1A-91D8-C7BCD3A75A4F}" dt="2019-07-23T16:52:40.965" v="4115"/>
          <ac:spMkLst>
            <pc:docMk/>
            <pc:sldMk cId="108548855" sldId="259"/>
            <ac:spMk id="7184" creationId="{F222348F-ED5F-4162-8E2E-69C2095F7AF3}"/>
          </ac:spMkLst>
        </pc:spChg>
        <pc:spChg chg="add del mod">
          <ac:chgData name="Cara Mazzarini" userId="0e6bb3c30e2f90fe" providerId="LiveId" clId="{669E0C1D-28E8-4F1A-91D8-C7BCD3A75A4F}" dt="2019-07-23T16:52:40.965" v="4116"/>
          <ac:spMkLst>
            <pc:docMk/>
            <pc:sldMk cId="108548855" sldId="259"/>
            <ac:spMk id="7185" creationId="{09F72DF7-F60D-4C32-8FA8-7A275A3DF5C4}"/>
          </ac:spMkLst>
        </pc:spChg>
        <pc:spChg chg="add del mod">
          <ac:chgData name="Cara Mazzarini" userId="0e6bb3c30e2f90fe" providerId="LiveId" clId="{669E0C1D-28E8-4F1A-91D8-C7BCD3A75A4F}" dt="2019-07-23T16:52:40.966" v="4118"/>
          <ac:spMkLst>
            <pc:docMk/>
            <pc:sldMk cId="108548855" sldId="259"/>
            <ac:spMk id="7186" creationId="{C7E5BF04-2AAE-4415-ACAA-CB38CFB316D5}"/>
          </ac:spMkLst>
        </pc:spChg>
        <pc:spChg chg="add del mod">
          <ac:chgData name="Cara Mazzarini" userId="0e6bb3c30e2f90fe" providerId="LiveId" clId="{669E0C1D-28E8-4F1A-91D8-C7BCD3A75A4F}" dt="2019-07-23T16:52:40.966" v="4120"/>
          <ac:spMkLst>
            <pc:docMk/>
            <pc:sldMk cId="108548855" sldId="259"/>
            <ac:spMk id="7187" creationId="{921627F2-5E28-4886-936C-7F359A251791}"/>
          </ac:spMkLst>
        </pc:spChg>
        <pc:spChg chg="add del mod">
          <ac:chgData name="Cara Mazzarini" userId="0e6bb3c30e2f90fe" providerId="LiveId" clId="{669E0C1D-28E8-4F1A-91D8-C7BCD3A75A4F}" dt="2019-07-23T16:52:40.966" v="4121"/>
          <ac:spMkLst>
            <pc:docMk/>
            <pc:sldMk cId="108548855" sldId="259"/>
            <ac:spMk id="7188" creationId="{AD33C2CE-F628-41E9-BA6E-A1A11EB4B6B3}"/>
          </ac:spMkLst>
        </pc:spChg>
        <pc:spChg chg="add del mod">
          <ac:chgData name="Cara Mazzarini" userId="0e6bb3c30e2f90fe" providerId="LiveId" clId="{669E0C1D-28E8-4F1A-91D8-C7BCD3A75A4F}" dt="2019-07-23T16:52:40.967" v="4123"/>
          <ac:spMkLst>
            <pc:docMk/>
            <pc:sldMk cId="108548855" sldId="259"/>
            <ac:spMk id="7189" creationId="{9B536824-E2ED-430A-BBF8-9304CF5223A3}"/>
          </ac:spMkLst>
        </pc:spChg>
        <pc:spChg chg="add del mod">
          <ac:chgData name="Cara Mazzarini" userId="0e6bb3c30e2f90fe" providerId="LiveId" clId="{669E0C1D-28E8-4F1A-91D8-C7BCD3A75A4F}" dt="2019-07-23T16:52:40.968" v="4125"/>
          <ac:spMkLst>
            <pc:docMk/>
            <pc:sldMk cId="108548855" sldId="259"/>
            <ac:spMk id="7190" creationId="{0D6FF95A-4893-4860-8506-2B0795C8FDE0}"/>
          </ac:spMkLst>
        </pc:spChg>
        <pc:spChg chg="del">
          <ac:chgData name="Cara Mazzarini" userId="0e6bb3c30e2f90fe" providerId="LiveId" clId="{669E0C1D-28E8-4F1A-91D8-C7BCD3A75A4F}" dt="2019-07-23T16:49:03.308" v="149"/>
          <ac:spMkLst>
            <pc:docMk/>
            <pc:sldMk cId="108548855" sldId="259"/>
            <ac:spMk id="7191" creationId="{E1DDAD22-72FA-49CC-87C0-450D6C97CA2A}"/>
          </ac:spMkLst>
        </pc:spChg>
        <pc:spChg chg="del">
          <ac:chgData name="Cara Mazzarini" userId="0e6bb3c30e2f90fe" providerId="LiveId" clId="{669E0C1D-28E8-4F1A-91D8-C7BCD3A75A4F}" dt="2019-07-23T16:49:03.309" v="151"/>
          <ac:spMkLst>
            <pc:docMk/>
            <pc:sldMk cId="108548855" sldId="259"/>
            <ac:spMk id="7192" creationId="{8412C897-E214-48B9-AAD0-B862711B1025}"/>
          </ac:spMkLst>
        </pc:spChg>
        <pc:spChg chg="del">
          <ac:chgData name="Cara Mazzarini" userId="0e6bb3c30e2f90fe" providerId="LiveId" clId="{669E0C1D-28E8-4F1A-91D8-C7BCD3A75A4F}" dt="2019-07-23T16:49:03.310" v="152"/>
          <ac:spMkLst>
            <pc:docMk/>
            <pc:sldMk cId="108548855" sldId="259"/>
            <ac:spMk id="7193" creationId="{351D889A-2B8B-4D6F-8D8C-EE8AA2382383}"/>
          </ac:spMkLst>
        </pc:spChg>
        <pc:spChg chg="del">
          <ac:chgData name="Cara Mazzarini" userId="0e6bb3c30e2f90fe" providerId="LiveId" clId="{669E0C1D-28E8-4F1A-91D8-C7BCD3A75A4F}" dt="2019-07-23T16:49:03.310" v="154"/>
          <ac:spMkLst>
            <pc:docMk/>
            <pc:sldMk cId="108548855" sldId="259"/>
            <ac:spMk id="7194" creationId="{175FE77E-BAFA-4BAE-8C97-10F10B3335CF}"/>
          </ac:spMkLst>
        </pc:spChg>
        <pc:spChg chg="del">
          <ac:chgData name="Cara Mazzarini" userId="0e6bb3c30e2f90fe" providerId="LiveId" clId="{669E0C1D-28E8-4F1A-91D8-C7BCD3A75A4F}" dt="2019-07-23T16:49:03.311" v="156"/>
          <ac:spMkLst>
            <pc:docMk/>
            <pc:sldMk cId="108548855" sldId="259"/>
            <ac:spMk id="7195" creationId="{D0EA0228-F15E-4B75-A66F-4F443042476B}"/>
          </ac:spMkLst>
        </pc:spChg>
        <pc:spChg chg="del">
          <ac:chgData name="Cara Mazzarini" userId="0e6bb3c30e2f90fe" providerId="LiveId" clId="{669E0C1D-28E8-4F1A-91D8-C7BCD3A75A4F}" dt="2019-07-23T16:49:03.311" v="158"/>
          <ac:spMkLst>
            <pc:docMk/>
            <pc:sldMk cId="108548855" sldId="259"/>
            <ac:spMk id="7196" creationId="{D7218090-BFF6-47AA-8720-7864CC7D2188}"/>
          </ac:spMkLst>
        </pc:spChg>
        <pc:spChg chg="del">
          <ac:chgData name="Cara Mazzarini" userId="0e6bb3c30e2f90fe" providerId="LiveId" clId="{669E0C1D-28E8-4F1A-91D8-C7BCD3A75A4F}" dt="2019-07-23T16:49:03.312" v="160"/>
          <ac:spMkLst>
            <pc:docMk/>
            <pc:sldMk cId="108548855" sldId="259"/>
            <ac:spMk id="7197" creationId="{F70673E7-8A93-47D9-A125-E7B8CC615A47}"/>
          </ac:spMkLst>
        </pc:spChg>
        <pc:spChg chg="del">
          <ac:chgData name="Cara Mazzarini" userId="0e6bb3c30e2f90fe" providerId="LiveId" clId="{669E0C1D-28E8-4F1A-91D8-C7BCD3A75A4F}" dt="2019-07-23T16:49:03.313" v="162"/>
          <ac:spMkLst>
            <pc:docMk/>
            <pc:sldMk cId="108548855" sldId="259"/>
            <ac:spMk id="7198" creationId="{6B65C1BA-CFBC-4F20-A02F-4F7D05452254}"/>
          </ac:spMkLst>
        </pc:spChg>
        <pc:spChg chg="del">
          <ac:chgData name="Cara Mazzarini" userId="0e6bb3c30e2f90fe" providerId="LiveId" clId="{669E0C1D-28E8-4F1A-91D8-C7BCD3A75A4F}" dt="2019-07-23T16:49:03.313" v="164"/>
          <ac:spMkLst>
            <pc:docMk/>
            <pc:sldMk cId="108548855" sldId="259"/>
            <ac:spMk id="7199" creationId="{9643F00F-55EB-4180-8C57-80220F1D58DC}"/>
          </ac:spMkLst>
        </pc:spChg>
        <pc:spChg chg="del">
          <ac:chgData name="Cara Mazzarini" userId="0e6bb3c30e2f90fe" providerId="LiveId" clId="{669E0C1D-28E8-4F1A-91D8-C7BCD3A75A4F}" dt="2019-07-23T16:49:03.314" v="166"/>
          <ac:spMkLst>
            <pc:docMk/>
            <pc:sldMk cId="108548855" sldId="259"/>
            <ac:spMk id="7200" creationId="{307DAC04-F9E8-4F8A-84FC-6889B732CDC5}"/>
          </ac:spMkLst>
        </pc:spChg>
        <pc:spChg chg="del">
          <ac:chgData name="Cara Mazzarini" userId="0e6bb3c30e2f90fe" providerId="LiveId" clId="{669E0C1D-28E8-4F1A-91D8-C7BCD3A75A4F}" dt="2019-07-23T16:49:03.314" v="168"/>
          <ac:spMkLst>
            <pc:docMk/>
            <pc:sldMk cId="108548855" sldId="259"/>
            <ac:spMk id="7201" creationId="{9BE46BBE-3AA9-42B0-B945-C2589B6ADB72}"/>
          </ac:spMkLst>
        </pc:spChg>
        <pc:spChg chg="del">
          <ac:chgData name="Cara Mazzarini" userId="0e6bb3c30e2f90fe" providerId="LiveId" clId="{669E0C1D-28E8-4F1A-91D8-C7BCD3A75A4F}" dt="2019-07-23T16:49:03.315" v="170"/>
          <ac:spMkLst>
            <pc:docMk/>
            <pc:sldMk cId="108548855" sldId="259"/>
            <ac:spMk id="7202" creationId="{BC4AF76E-10F4-482C-BC8D-6761E41F694C}"/>
          </ac:spMkLst>
        </pc:spChg>
        <pc:spChg chg="del">
          <ac:chgData name="Cara Mazzarini" userId="0e6bb3c30e2f90fe" providerId="LiveId" clId="{669E0C1D-28E8-4F1A-91D8-C7BCD3A75A4F}" dt="2019-07-23T16:49:03.315" v="172"/>
          <ac:spMkLst>
            <pc:docMk/>
            <pc:sldMk cId="108548855" sldId="259"/>
            <ac:spMk id="7203" creationId="{E2693737-57A7-4053-9B95-84BF0F89C7A8}"/>
          </ac:spMkLst>
        </pc:spChg>
        <pc:spChg chg="del">
          <ac:chgData name="Cara Mazzarini" userId="0e6bb3c30e2f90fe" providerId="LiveId" clId="{669E0C1D-28E8-4F1A-91D8-C7BCD3A75A4F}" dt="2019-07-23T16:49:03.316" v="174"/>
          <ac:spMkLst>
            <pc:docMk/>
            <pc:sldMk cId="108548855" sldId="259"/>
            <ac:spMk id="7242" creationId="{C8C4B640-0B63-471A-8C68-9C85FE06ED71}"/>
          </ac:spMkLst>
        </pc:spChg>
        <pc:spChg chg="del">
          <ac:chgData name="Cara Mazzarini" userId="0e6bb3c30e2f90fe" providerId="LiveId" clId="{669E0C1D-28E8-4F1A-91D8-C7BCD3A75A4F}" dt="2019-07-23T16:49:03.316" v="176"/>
          <ac:spMkLst>
            <pc:docMk/>
            <pc:sldMk cId="108548855" sldId="259"/>
            <ac:spMk id="7243" creationId="{09A8A3CA-2575-4FF5-AB23-693E054FBB2D}"/>
          </ac:spMkLst>
        </pc:spChg>
        <pc:spChg chg="del">
          <ac:chgData name="Cara Mazzarini" userId="0e6bb3c30e2f90fe" providerId="LiveId" clId="{669E0C1D-28E8-4F1A-91D8-C7BCD3A75A4F}" dt="2019-07-23T16:49:03.317" v="177"/>
          <ac:spMkLst>
            <pc:docMk/>
            <pc:sldMk cId="108548855" sldId="259"/>
            <ac:spMk id="7244" creationId="{EB0809FB-03ED-4CD7-94E3-8D7E9A519B13}"/>
          </ac:spMkLst>
        </pc:spChg>
        <pc:spChg chg="del">
          <ac:chgData name="Cara Mazzarini" userId="0e6bb3c30e2f90fe" providerId="LiveId" clId="{669E0C1D-28E8-4F1A-91D8-C7BCD3A75A4F}" dt="2019-07-23T16:49:03.317" v="179"/>
          <ac:spMkLst>
            <pc:docMk/>
            <pc:sldMk cId="108548855" sldId="259"/>
            <ac:spMk id="7245" creationId="{E9A10672-6EA9-424F-B030-8028CE5FECA8}"/>
          </ac:spMkLst>
        </pc:spChg>
        <pc:spChg chg="del">
          <ac:chgData name="Cara Mazzarini" userId="0e6bb3c30e2f90fe" providerId="LiveId" clId="{669E0C1D-28E8-4F1A-91D8-C7BCD3A75A4F}" dt="2019-07-23T16:49:03.318" v="181"/>
          <ac:spMkLst>
            <pc:docMk/>
            <pc:sldMk cId="108548855" sldId="259"/>
            <ac:spMk id="7246" creationId="{702C63A5-8624-444C-B5C7-139827C15F12}"/>
          </ac:spMkLst>
        </pc:spChg>
        <pc:spChg chg="del">
          <ac:chgData name="Cara Mazzarini" userId="0e6bb3c30e2f90fe" providerId="LiveId" clId="{669E0C1D-28E8-4F1A-91D8-C7BCD3A75A4F}" dt="2019-07-23T16:49:03.318" v="182"/>
          <ac:spMkLst>
            <pc:docMk/>
            <pc:sldMk cId="108548855" sldId="259"/>
            <ac:spMk id="7247" creationId="{9FA63894-B962-4061-9B6A-B8ACC6F2C295}"/>
          </ac:spMkLst>
        </pc:spChg>
        <pc:spChg chg="del">
          <ac:chgData name="Cara Mazzarini" userId="0e6bb3c30e2f90fe" providerId="LiveId" clId="{669E0C1D-28E8-4F1A-91D8-C7BCD3A75A4F}" dt="2019-07-23T16:49:03.319" v="184"/>
          <ac:spMkLst>
            <pc:docMk/>
            <pc:sldMk cId="108548855" sldId="259"/>
            <ac:spMk id="7248" creationId="{D10B93AA-C070-4706-B7D5-6A025D7661B2}"/>
          </ac:spMkLst>
        </pc:spChg>
        <pc:spChg chg="del">
          <ac:chgData name="Cara Mazzarini" userId="0e6bb3c30e2f90fe" providerId="LiveId" clId="{669E0C1D-28E8-4F1A-91D8-C7BCD3A75A4F}" dt="2019-07-23T16:49:03.320" v="186"/>
          <ac:spMkLst>
            <pc:docMk/>
            <pc:sldMk cId="108548855" sldId="259"/>
            <ac:spMk id="7249" creationId="{107C24E3-9756-4A46-BE77-C526B7FE718D}"/>
          </ac:spMkLst>
        </pc:spChg>
        <pc:spChg chg="del">
          <ac:chgData name="Cara Mazzarini" userId="0e6bb3c30e2f90fe" providerId="LiveId" clId="{669E0C1D-28E8-4F1A-91D8-C7BCD3A75A4F}" dt="2019-07-23T16:49:03.320" v="187"/>
          <ac:spMkLst>
            <pc:docMk/>
            <pc:sldMk cId="108548855" sldId="259"/>
            <ac:spMk id="7250" creationId="{98D0B45E-3A9B-40E3-B2BA-D1FEF13673B6}"/>
          </ac:spMkLst>
        </pc:spChg>
        <pc:spChg chg="del">
          <ac:chgData name="Cara Mazzarini" userId="0e6bb3c30e2f90fe" providerId="LiveId" clId="{669E0C1D-28E8-4F1A-91D8-C7BCD3A75A4F}" dt="2019-07-23T16:49:03.321" v="189"/>
          <ac:spMkLst>
            <pc:docMk/>
            <pc:sldMk cId="108548855" sldId="259"/>
            <ac:spMk id="7251" creationId="{CFCFF606-7A52-4144-AC53-29DF6D576D9F}"/>
          </ac:spMkLst>
        </pc:spChg>
        <pc:spChg chg="del">
          <ac:chgData name="Cara Mazzarini" userId="0e6bb3c30e2f90fe" providerId="LiveId" clId="{669E0C1D-28E8-4F1A-91D8-C7BCD3A75A4F}" dt="2019-07-23T16:49:03.321" v="191"/>
          <ac:spMkLst>
            <pc:docMk/>
            <pc:sldMk cId="108548855" sldId="259"/>
            <ac:spMk id="7252" creationId="{C6A39EC8-3C50-4CF5-9F15-AFA340161ABC}"/>
          </ac:spMkLst>
        </pc:spChg>
        <pc:spChg chg="del">
          <ac:chgData name="Cara Mazzarini" userId="0e6bb3c30e2f90fe" providerId="LiveId" clId="{669E0C1D-28E8-4F1A-91D8-C7BCD3A75A4F}" dt="2019-07-23T16:49:03.322" v="192"/>
          <ac:spMkLst>
            <pc:docMk/>
            <pc:sldMk cId="108548855" sldId="259"/>
            <ac:spMk id="7253" creationId="{24B2902C-7593-45FC-A011-CD1426C97888}"/>
          </ac:spMkLst>
        </pc:spChg>
        <pc:spChg chg="del">
          <ac:chgData name="Cara Mazzarini" userId="0e6bb3c30e2f90fe" providerId="LiveId" clId="{669E0C1D-28E8-4F1A-91D8-C7BCD3A75A4F}" dt="2019-07-23T16:49:03.322" v="194"/>
          <ac:spMkLst>
            <pc:docMk/>
            <pc:sldMk cId="108548855" sldId="259"/>
            <ac:spMk id="7254" creationId="{0C952CB3-776E-4932-8599-B44AFBAE6DC1}"/>
          </ac:spMkLst>
        </pc:spChg>
        <pc:spChg chg="del">
          <ac:chgData name="Cara Mazzarini" userId="0e6bb3c30e2f90fe" providerId="LiveId" clId="{669E0C1D-28E8-4F1A-91D8-C7BCD3A75A4F}" dt="2019-07-23T16:49:03.323" v="196"/>
          <ac:spMkLst>
            <pc:docMk/>
            <pc:sldMk cId="108548855" sldId="259"/>
            <ac:spMk id="7255" creationId="{25B5344E-40CB-47DC-ADDE-DF667425E390}"/>
          </ac:spMkLst>
        </pc:spChg>
        <pc:spChg chg="del">
          <ac:chgData name="Cara Mazzarini" userId="0e6bb3c30e2f90fe" providerId="LiveId" clId="{669E0C1D-28E8-4F1A-91D8-C7BCD3A75A4F}" dt="2019-07-23T16:49:03.323" v="197"/>
          <ac:spMkLst>
            <pc:docMk/>
            <pc:sldMk cId="108548855" sldId="259"/>
            <ac:spMk id="7256" creationId="{E4A6A5CA-14AB-4835-96B0-35331B286396}"/>
          </ac:spMkLst>
        </pc:spChg>
        <pc:spChg chg="del">
          <ac:chgData name="Cara Mazzarini" userId="0e6bb3c30e2f90fe" providerId="LiveId" clId="{669E0C1D-28E8-4F1A-91D8-C7BCD3A75A4F}" dt="2019-07-23T16:49:03.324" v="199"/>
          <ac:spMkLst>
            <pc:docMk/>
            <pc:sldMk cId="108548855" sldId="259"/>
            <ac:spMk id="7257" creationId="{FFB1EDB2-9C6F-422C-BE0C-2778FFB51699}"/>
          </ac:spMkLst>
        </pc:spChg>
        <pc:spChg chg="del">
          <ac:chgData name="Cara Mazzarini" userId="0e6bb3c30e2f90fe" providerId="LiveId" clId="{669E0C1D-28E8-4F1A-91D8-C7BCD3A75A4F}" dt="2019-07-23T16:49:03.324" v="201"/>
          <ac:spMkLst>
            <pc:docMk/>
            <pc:sldMk cId="108548855" sldId="259"/>
            <ac:spMk id="7258" creationId="{4EB68D4F-6490-4965-BA89-EB0262833A18}"/>
          </ac:spMkLst>
        </pc:spChg>
        <pc:spChg chg="del">
          <ac:chgData name="Cara Mazzarini" userId="0e6bb3c30e2f90fe" providerId="LiveId" clId="{669E0C1D-28E8-4F1A-91D8-C7BCD3A75A4F}" dt="2019-07-23T16:49:03.325" v="202"/>
          <ac:spMkLst>
            <pc:docMk/>
            <pc:sldMk cId="108548855" sldId="259"/>
            <ac:spMk id="7259" creationId="{85D101B6-CFA2-4655-B48B-49C572629D11}"/>
          </ac:spMkLst>
        </pc:spChg>
        <pc:spChg chg="del">
          <ac:chgData name="Cara Mazzarini" userId="0e6bb3c30e2f90fe" providerId="LiveId" clId="{669E0C1D-28E8-4F1A-91D8-C7BCD3A75A4F}" dt="2019-07-23T16:49:03.325" v="204"/>
          <ac:spMkLst>
            <pc:docMk/>
            <pc:sldMk cId="108548855" sldId="259"/>
            <ac:spMk id="7260" creationId="{0ACF7E0E-F76B-4B10-A53A-3E49E53F3621}"/>
          </ac:spMkLst>
        </pc:spChg>
        <pc:spChg chg="del">
          <ac:chgData name="Cara Mazzarini" userId="0e6bb3c30e2f90fe" providerId="LiveId" clId="{669E0C1D-28E8-4F1A-91D8-C7BCD3A75A4F}" dt="2019-07-23T16:49:03.326" v="206"/>
          <ac:spMkLst>
            <pc:docMk/>
            <pc:sldMk cId="108548855" sldId="259"/>
            <ac:spMk id="7261" creationId="{2062D5B5-CD1F-49D0-B8A5-44E42D6CF4F5}"/>
          </ac:spMkLst>
        </pc:spChg>
        <pc:spChg chg="del">
          <ac:chgData name="Cara Mazzarini" userId="0e6bb3c30e2f90fe" providerId="LiveId" clId="{669E0C1D-28E8-4F1A-91D8-C7BCD3A75A4F}" dt="2019-07-23T16:49:03.326" v="207"/>
          <ac:spMkLst>
            <pc:docMk/>
            <pc:sldMk cId="108548855" sldId="259"/>
            <ac:spMk id="7262" creationId="{4F203260-203F-4B04-8D5A-7E2918F741D3}"/>
          </ac:spMkLst>
        </pc:spChg>
        <pc:spChg chg="del">
          <ac:chgData name="Cara Mazzarini" userId="0e6bb3c30e2f90fe" providerId="LiveId" clId="{669E0C1D-28E8-4F1A-91D8-C7BCD3A75A4F}" dt="2019-07-23T16:49:03.327" v="209"/>
          <ac:spMkLst>
            <pc:docMk/>
            <pc:sldMk cId="108548855" sldId="259"/>
            <ac:spMk id="7263" creationId="{C2765170-6279-4938-A754-6736FE7E1069}"/>
          </ac:spMkLst>
        </pc:spChg>
        <pc:spChg chg="del">
          <ac:chgData name="Cara Mazzarini" userId="0e6bb3c30e2f90fe" providerId="LiveId" clId="{669E0C1D-28E8-4F1A-91D8-C7BCD3A75A4F}" dt="2019-07-23T16:49:03.328" v="211"/>
          <ac:spMkLst>
            <pc:docMk/>
            <pc:sldMk cId="108548855" sldId="259"/>
            <ac:spMk id="7264" creationId="{2DB13010-D3A9-4250-908A-CB65FD961440}"/>
          </ac:spMkLst>
        </pc:spChg>
        <pc:spChg chg="del">
          <ac:chgData name="Cara Mazzarini" userId="0e6bb3c30e2f90fe" providerId="LiveId" clId="{669E0C1D-28E8-4F1A-91D8-C7BCD3A75A4F}" dt="2019-07-23T16:49:03.328" v="212"/>
          <ac:spMkLst>
            <pc:docMk/>
            <pc:sldMk cId="108548855" sldId="259"/>
            <ac:spMk id="7265" creationId="{83B96922-CF1F-410C-8652-D24380B0CF2D}"/>
          </ac:spMkLst>
        </pc:spChg>
        <pc:spChg chg="del">
          <ac:chgData name="Cara Mazzarini" userId="0e6bb3c30e2f90fe" providerId="LiveId" clId="{669E0C1D-28E8-4F1A-91D8-C7BCD3A75A4F}" dt="2019-07-23T16:49:03.329" v="214"/>
          <ac:spMkLst>
            <pc:docMk/>
            <pc:sldMk cId="108548855" sldId="259"/>
            <ac:spMk id="7266" creationId="{06806B5E-DFB7-4478-875F-3A8413886C23}"/>
          </ac:spMkLst>
        </pc:spChg>
        <pc:spChg chg="del">
          <ac:chgData name="Cara Mazzarini" userId="0e6bb3c30e2f90fe" providerId="LiveId" clId="{669E0C1D-28E8-4F1A-91D8-C7BCD3A75A4F}" dt="2019-07-23T16:49:03.329" v="216"/>
          <ac:spMkLst>
            <pc:docMk/>
            <pc:sldMk cId="108548855" sldId="259"/>
            <ac:spMk id="7267" creationId="{70D360B2-9EC1-4013-903C-04545E000917}"/>
          </ac:spMkLst>
        </pc:spChg>
        <pc:spChg chg="del">
          <ac:chgData name="Cara Mazzarini" userId="0e6bb3c30e2f90fe" providerId="LiveId" clId="{669E0C1D-28E8-4F1A-91D8-C7BCD3A75A4F}" dt="2019-07-23T16:49:03.330" v="217"/>
          <ac:spMkLst>
            <pc:docMk/>
            <pc:sldMk cId="108548855" sldId="259"/>
            <ac:spMk id="7268" creationId="{B9673675-7B6B-460F-9585-FC3CF08AEB05}"/>
          </ac:spMkLst>
        </pc:spChg>
        <pc:spChg chg="del">
          <ac:chgData name="Cara Mazzarini" userId="0e6bb3c30e2f90fe" providerId="LiveId" clId="{669E0C1D-28E8-4F1A-91D8-C7BCD3A75A4F}" dt="2019-07-23T16:49:03.330" v="219"/>
          <ac:spMkLst>
            <pc:docMk/>
            <pc:sldMk cId="108548855" sldId="259"/>
            <ac:spMk id="7269" creationId="{3D4B21C8-4050-4914-BCB6-661667AB37A3}"/>
          </ac:spMkLst>
        </pc:spChg>
        <pc:spChg chg="del">
          <ac:chgData name="Cara Mazzarini" userId="0e6bb3c30e2f90fe" providerId="LiveId" clId="{669E0C1D-28E8-4F1A-91D8-C7BCD3A75A4F}" dt="2019-07-23T16:49:03.331" v="221"/>
          <ac:spMkLst>
            <pc:docMk/>
            <pc:sldMk cId="108548855" sldId="259"/>
            <ac:spMk id="7270" creationId="{53FBF2D9-90F9-4442-A59F-9886FACC2829}"/>
          </ac:spMkLst>
        </pc:spChg>
        <pc:spChg chg="del">
          <ac:chgData name="Cara Mazzarini" userId="0e6bb3c30e2f90fe" providerId="LiveId" clId="{669E0C1D-28E8-4F1A-91D8-C7BCD3A75A4F}" dt="2019-07-23T16:49:03.331" v="222"/>
          <ac:spMkLst>
            <pc:docMk/>
            <pc:sldMk cId="108548855" sldId="259"/>
            <ac:spMk id="7271" creationId="{61DFA02A-82EC-42C7-88A4-B74FC919F929}"/>
          </ac:spMkLst>
        </pc:spChg>
        <pc:spChg chg="del">
          <ac:chgData name="Cara Mazzarini" userId="0e6bb3c30e2f90fe" providerId="LiveId" clId="{669E0C1D-28E8-4F1A-91D8-C7BCD3A75A4F}" dt="2019-07-23T16:49:03.331" v="224"/>
          <ac:spMkLst>
            <pc:docMk/>
            <pc:sldMk cId="108548855" sldId="259"/>
            <ac:spMk id="7272" creationId="{866C66C6-403A-41EA-A322-F34DCF1A56FE}"/>
          </ac:spMkLst>
        </pc:spChg>
        <pc:spChg chg="del">
          <ac:chgData name="Cara Mazzarini" userId="0e6bb3c30e2f90fe" providerId="LiveId" clId="{669E0C1D-28E8-4F1A-91D8-C7BCD3A75A4F}" dt="2019-07-23T16:49:03.332" v="226"/>
          <ac:spMkLst>
            <pc:docMk/>
            <pc:sldMk cId="108548855" sldId="259"/>
            <ac:spMk id="7273" creationId="{6DC2757E-D8AE-4C02-98E0-F78263D23DC8}"/>
          </ac:spMkLst>
        </pc:spChg>
        <pc:spChg chg="del">
          <ac:chgData name="Cara Mazzarini" userId="0e6bb3c30e2f90fe" providerId="LiveId" clId="{669E0C1D-28E8-4F1A-91D8-C7BCD3A75A4F}" dt="2019-07-23T16:49:03.332" v="227"/>
          <ac:spMkLst>
            <pc:docMk/>
            <pc:sldMk cId="108548855" sldId="259"/>
            <ac:spMk id="7274" creationId="{36255648-ADDD-4EC3-9A48-314FE032A0B7}"/>
          </ac:spMkLst>
        </pc:spChg>
        <pc:spChg chg="del">
          <ac:chgData name="Cara Mazzarini" userId="0e6bb3c30e2f90fe" providerId="LiveId" clId="{669E0C1D-28E8-4F1A-91D8-C7BCD3A75A4F}" dt="2019-07-23T16:49:03.333" v="229"/>
          <ac:spMkLst>
            <pc:docMk/>
            <pc:sldMk cId="108548855" sldId="259"/>
            <ac:spMk id="7275" creationId="{3A4E1825-DE55-4F57-A07D-1FF5C411F065}"/>
          </ac:spMkLst>
        </pc:spChg>
        <pc:spChg chg="del">
          <ac:chgData name="Cara Mazzarini" userId="0e6bb3c30e2f90fe" providerId="LiveId" clId="{669E0C1D-28E8-4F1A-91D8-C7BCD3A75A4F}" dt="2019-07-23T16:49:03.333" v="231"/>
          <ac:spMkLst>
            <pc:docMk/>
            <pc:sldMk cId="108548855" sldId="259"/>
            <ac:spMk id="7276" creationId="{3E62A88C-B373-46AD-9286-D129032A70F8}"/>
          </ac:spMkLst>
        </pc:spChg>
        <pc:spChg chg="del">
          <ac:chgData name="Cara Mazzarini" userId="0e6bb3c30e2f90fe" providerId="LiveId" clId="{669E0C1D-28E8-4F1A-91D8-C7BCD3A75A4F}" dt="2019-07-23T16:49:03.334" v="232"/>
          <ac:spMkLst>
            <pc:docMk/>
            <pc:sldMk cId="108548855" sldId="259"/>
            <ac:spMk id="7277" creationId="{DB44B7EE-29B3-4E3B-8DFC-D736CE825CE1}"/>
          </ac:spMkLst>
        </pc:spChg>
        <pc:spChg chg="del">
          <ac:chgData name="Cara Mazzarini" userId="0e6bb3c30e2f90fe" providerId="LiveId" clId="{669E0C1D-28E8-4F1A-91D8-C7BCD3A75A4F}" dt="2019-07-23T16:49:03.334" v="234"/>
          <ac:spMkLst>
            <pc:docMk/>
            <pc:sldMk cId="108548855" sldId="259"/>
            <ac:spMk id="7278" creationId="{0AE0C284-8786-4A31-AB7F-B8D63C13D5C4}"/>
          </ac:spMkLst>
        </pc:spChg>
        <pc:spChg chg="del">
          <ac:chgData name="Cara Mazzarini" userId="0e6bb3c30e2f90fe" providerId="LiveId" clId="{669E0C1D-28E8-4F1A-91D8-C7BCD3A75A4F}" dt="2019-07-23T16:49:03.335" v="236"/>
          <ac:spMkLst>
            <pc:docMk/>
            <pc:sldMk cId="108548855" sldId="259"/>
            <ac:spMk id="7279" creationId="{9B57F6C4-2AF6-451D-8CEA-51A363A43CC2}"/>
          </ac:spMkLst>
        </pc:spChg>
        <pc:spChg chg="del">
          <ac:chgData name="Cara Mazzarini" userId="0e6bb3c30e2f90fe" providerId="LiveId" clId="{669E0C1D-28E8-4F1A-91D8-C7BCD3A75A4F}" dt="2019-07-23T16:49:03.335" v="237"/>
          <ac:spMkLst>
            <pc:docMk/>
            <pc:sldMk cId="108548855" sldId="259"/>
            <ac:spMk id="7280" creationId="{CCF6B8AE-2F0B-4137-813D-64E4442B47CE}"/>
          </ac:spMkLst>
        </pc:spChg>
        <pc:spChg chg="del">
          <ac:chgData name="Cara Mazzarini" userId="0e6bb3c30e2f90fe" providerId="LiveId" clId="{669E0C1D-28E8-4F1A-91D8-C7BCD3A75A4F}" dt="2019-07-23T16:49:03.335" v="239"/>
          <ac:spMkLst>
            <pc:docMk/>
            <pc:sldMk cId="108548855" sldId="259"/>
            <ac:spMk id="7281" creationId="{D2D452B8-1753-4B91-8295-EEF80A3386AB}"/>
          </ac:spMkLst>
        </pc:spChg>
        <pc:spChg chg="del">
          <ac:chgData name="Cara Mazzarini" userId="0e6bb3c30e2f90fe" providerId="LiveId" clId="{669E0C1D-28E8-4F1A-91D8-C7BCD3A75A4F}" dt="2019-07-23T16:49:03.336" v="241"/>
          <ac:spMkLst>
            <pc:docMk/>
            <pc:sldMk cId="108548855" sldId="259"/>
            <ac:spMk id="7282" creationId="{48F049C8-5765-4911-B8F5-38631C7A9668}"/>
          </ac:spMkLst>
        </pc:spChg>
        <pc:spChg chg="del">
          <ac:chgData name="Cara Mazzarini" userId="0e6bb3c30e2f90fe" providerId="LiveId" clId="{669E0C1D-28E8-4F1A-91D8-C7BCD3A75A4F}" dt="2019-07-23T16:49:03.336" v="242"/>
          <ac:spMkLst>
            <pc:docMk/>
            <pc:sldMk cId="108548855" sldId="259"/>
            <ac:spMk id="7283" creationId="{9505E678-26B0-4BCD-B2AB-BD7D8FA81B53}"/>
          </ac:spMkLst>
        </pc:spChg>
        <pc:spChg chg="del">
          <ac:chgData name="Cara Mazzarini" userId="0e6bb3c30e2f90fe" providerId="LiveId" clId="{669E0C1D-28E8-4F1A-91D8-C7BCD3A75A4F}" dt="2019-07-23T16:49:03.337" v="244"/>
          <ac:spMkLst>
            <pc:docMk/>
            <pc:sldMk cId="108548855" sldId="259"/>
            <ac:spMk id="7284" creationId="{D771C16A-9025-4931-B36D-6907995F740B}"/>
          </ac:spMkLst>
        </pc:spChg>
        <pc:spChg chg="del">
          <ac:chgData name="Cara Mazzarini" userId="0e6bb3c30e2f90fe" providerId="LiveId" clId="{669E0C1D-28E8-4F1A-91D8-C7BCD3A75A4F}" dt="2019-07-23T16:49:03.337" v="246"/>
          <ac:spMkLst>
            <pc:docMk/>
            <pc:sldMk cId="108548855" sldId="259"/>
            <ac:spMk id="7285" creationId="{650618DF-9B91-43D2-A461-0F5ED3D28642}"/>
          </ac:spMkLst>
        </pc:spChg>
        <pc:spChg chg="del">
          <ac:chgData name="Cara Mazzarini" userId="0e6bb3c30e2f90fe" providerId="LiveId" clId="{669E0C1D-28E8-4F1A-91D8-C7BCD3A75A4F}" dt="2019-07-23T16:49:03.338" v="248"/>
          <ac:spMkLst>
            <pc:docMk/>
            <pc:sldMk cId="108548855" sldId="259"/>
            <ac:spMk id="7286" creationId="{FD3ADA9E-99E0-4ED9-A7DE-59C89B043286}"/>
          </ac:spMkLst>
        </pc:spChg>
        <pc:spChg chg="del">
          <ac:chgData name="Cara Mazzarini" userId="0e6bb3c30e2f90fe" providerId="LiveId" clId="{669E0C1D-28E8-4F1A-91D8-C7BCD3A75A4F}" dt="2019-07-23T16:49:03.338" v="250"/>
          <ac:spMkLst>
            <pc:docMk/>
            <pc:sldMk cId="108548855" sldId="259"/>
            <ac:spMk id="7287" creationId="{2658F806-0531-42AE-898F-AA3ABFF8419B}"/>
          </ac:spMkLst>
        </pc:spChg>
        <pc:spChg chg="del">
          <ac:chgData name="Cara Mazzarini" userId="0e6bb3c30e2f90fe" providerId="LiveId" clId="{669E0C1D-28E8-4F1A-91D8-C7BCD3A75A4F}" dt="2019-07-23T16:49:03.339" v="252"/>
          <ac:spMkLst>
            <pc:docMk/>
            <pc:sldMk cId="108548855" sldId="259"/>
            <ac:spMk id="7288" creationId="{3D5AEB5F-D78B-49BE-93BB-1BB9C79DEC39}"/>
          </ac:spMkLst>
        </pc:spChg>
        <pc:spChg chg="del">
          <ac:chgData name="Cara Mazzarini" userId="0e6bb3c30e2f90fe" providerId="LiveId" clId="{669E0C1D-28E8-4F1A-91D8-C7BCD3A75A4F}" dt="2019-07-23T16:49:03.339" v="254"/>
          <ac:spMkLst>
            <pc:docMk/>
            <pc:sldMk cId="108548855" sldId="259"/>
            <ac:spMk id="7289" creationId="{999A5967-53C4-416A-8D31-F4DF42C3C45E}"/>
          </ac:spMkLst>
        </pc:spChg>
        <pc:spChg chg="del">
          <ac:chgData name="Cara Mazzarini" userId="0e6bb3c30e2f90fe" providerId="LiveId" clId="{669E0C1D-28E8-4F1A-91D8-C7BCD3A75A4F}" dt="2019-07-23T16:49:03.340" v="256"/>
          <ac:spMkLst>
            <pc:docMk/>
            <pc:sldMk cId="108548855" sldId="259"/>
            <ac:spMk id="7290" creationId="{B2442429-FF8F-4910-892A-B5D67545F22C}"/>
          </ac:spMkLst>
        </pc:spChg>
        <pc:spChg chg="del">
          <ac:chgData name="Cara Mazzarini" userId="0e6bb3c30e2f90fe" providerId="LiveId" clId="{669E0C1D-28E8-4F1A-91D8-C7BCD3A75A4F}" dt="2019-07-23T16:49:03.340" v="258"/>
          <ac:spMkLst>
            <pc:docMk/>
            <pc:sldMk cId="108548855" sldId="259"/>
            <ac:spMk id="7291" creationId="{4B7C0B3A-8B39-4E0E-8A69-70139B1455B7}"/>
          </ac:spMkLst>
        </pc:spChg>
        <pc:spChg chg="del">
          <ac:chgData name="Cara Mazzarini" userId="0e6bb3c30e2f90fe" providerId="LiveId" clId="{669E0C1D-28E8-4F1A-91D8-C7BCD3A75A4F}" dt="2019-07-23T16:49:03.341" v="259"/>
          <ac:spMkLst>
            <pc:docMk/>
            <pc:sldMk cId="108548855" sldId="259"/>
            <ac:spMk id="7292" creationId="{017E1196-4CEF-4493-AD2F-E20C435EAF20}"/>
          </ac:spMkLst>
        </pc:spChg>
        <pc:spChg chg="del">
          <ac:chgData name="Cara Mazzarini" userId="0e6bb3c30e2f90fe" providerId="LiveId" clId="{669E0C1D-28E8-4F1A-91D8-C7BCD3A75A4F}" dt="2019-07-23T16:49:03.341" v="261"/>
          <ac:spMkLst>
            <pc:docMk/>
            <pc:sldMk cId="108548855" sldId="259"/>
            <ac:spMk id="7293" creationId="{C5F3E72F-7F92-4FBE-846E-EF7ECA9ED544}"/>
          </ac:spMkLst>
        </pc:spChg>
        <pc:spChg chg="del">
          <ac:chgData name="Cara Mazzarini" userId="0e6bb3c30e2f90fe" providerId="LiveId" clId="{669E0C1D-28E8-4F1A-91D8-C7BCD3A75A4F}" dt="2019-07-23T16:49:03.342" v="263"/>
          <ac:spMkLst>
            <pc:docMk/>
            <pc:sldMk cId="108548855" sldId="259"/>
            <ac:spMk id="7294" creationId="{B5764B39-68C7-4DF2-85BB-6BFDF3588678}"/>
          </ac:spMkLst>
        </pc:spChg>
        <pc:spChg chg="del">
          <ac:chgData name="Cara Mazzarini" userId="0e6bb3c30e2f90fe" providerId="LiveId" clId="{669E0C1D-28E8-4F1A-91D8-C7BCD3A75A4F}" dt="2019-07-23T16:49:03.342" v="265"/>
          <ac:spMkLst>
            <pc:docMk/>
            <pc:sldMk cId="108548855" sldId="259"/>
            <ac:spMk id="7295" creationId="{74AF3429-41A5-40A8-B52A-59C45460F926}"/>
          </ac:spMkLst>
        </pc:spChg>
        <pc:spChg chg="del">
          <ac:chgData name="Cara Mazzarini" userId="0e6bb3c30e2f90fe" providerId="LiveId" clId="{669E0C1D-28E8-4F1A-91D8-C7BCD3A75A4F}" dt="2019-07-23T16:49:03.343" v="267"/>
          <ac:spMkLst>
            <pc:docMk/>
            <pc:sldMk cId="108548855" sldId="259"/>
            <ac:spMk id="7296" creationId="{FA5EBC5D-7C49-4036-B736-F632AAFC1E1B}"/>
          </ac:spMkLst>
        </pc:spChg>
        <pc:spChg chg="del">
          <ac:chgData name="Cara Mazzarini" userId="0e6bb3c30e2f90fe" providerId="LiveId" clId="{669E0C1D-28E8-4F1A-91D8-C7BCD3A75A4F}" dt="2019-07-23T16:49:03.343" v="269"/>
          <ac:spMkLst>
            <pc:docMk/>
            <pc:sldMk cId="108548855" sldId="259"/>
            <ac:spMk id="7297" creationId="{D48F603E-2090-465F-8752-AF961C6BF8AD}"/>
          </ac:spMkLst>
        </pc:spChg>
        <pc:spChg chg="del">
          <ac:chgData name="Cara Mazzarini" userId="0e6bb3c30e2f90fe" providerId="LiveId" clId="{669E0C1D-28E8-4F1A-91D8-C7BCD3A75A4F}" dt="2019-07-23T16:49:03.344" v="271"/>
          <ac:spMkLst>
            <pc:docMk/>
            <pc:sldMk cId="108548855" sldId="259"/>
            <ac:spMk id="7298" creationId="{44B99C38-D2CB-4E77-A4B5-CCF9D98048E6}"/>
          </ac:spMkLst>
        </pc:spChg>
        <pc:spChg chg="del">
          <ac:chgData name="Cara Mazzarini" userId="0e6bb3c30e2f90fe" providerId="LiveId" clId="{669E0C1D-28E8-4F1A-91D8-C7BCD3A75A4F}" dt="2019-07-23T16:49:03.345" v="273"/>
          <ac:spMkLst>
            <pc:docMk/>
            <pc:sldMk cId="108548855" sldId="259"/>
            <ac:spMk id="7299" creationId="{36E40146-4205-42D2-9D7C-950B230E6FEA}"/>
          </ac:spMkLst>
        </pc:spChg>
        <pc:spChg chg="del">
          <ac:chgData name="Cara Mazzarini" userId="0e6bb3c30e2f90fe" providerId="LiveId" clId="{669E0C1D-28E8-4F1A-91D8-C7BCD3A75A4F}" dt="2019-07-23T16:49:03.345" v="275"/>
          <ac:spMkLst>
            <pc:docMk/>
            <pc:sldMk cId="108548855" sldId="259"/>
            <ac:spMk id="7300" creationId="{E0E87BF5-A476-4E62-B7A9-92B54682DF4B}"/>
          </ac:spMkLst>
        </pc:spChg>
        <pc:spChg chg="del">
          <ac:chgData name="Cara Mazzarini" userId="0e6bb3c30e2f90fe" providerId="LiveId" clId="{669E0C1D-28E8-4F1A-91D8-C7BCD3A75A4F}" dt="2019-07-23T16:49:03.345" v="276"/>
          <ac:spMkLst>
            <pc:docMk/>
            <pc:sldMk cId="108548855" sldId="259"/>
            <ac:spMk id="7301" creationId="{D93C80AD-080B-4518-AF2D-681755DD1182}"/>
          </ac:spMkLst>
        </pc:spChg>
        <pc:spChg chg="del">
          <ac:chgData name="Cara Mazzarini" userId="0e6bb3c30e2f90fe" providerId="LiveId" clId="{669E0C1D-28E8-4F1A-91D8-C7BCD3A75A4F}" dt="2019-07-23T16:49:03.346" v="278"/>
          <ac:spMkLst>
            <pc:docMk/>
            <pc:sldMk cId="108548855" sldId="259"/>
            <ac:spMk id="7302" creationId="{3BF9E790-65FA-4920-AB67-D48E8BFCD40D}"/>
          </ac:spMkLst>
        </pc:spChg>
        <pc:spChg chg="del">
          <ac:chgData name="Cara Mazzarini" userId="0e6bb3c30e2f90fe" providerId="LiveId" clId="{669E0C1D-28E8-4F1A-91D8-C7BCD3A75A4F}" dt="2019-07-23T16:49:03.346" v="280"/>
          <ac:spMkLst>
            <pc:docMk/>
            <pc:sldMk cId="108548855" sldId="259"/>
            <ac:spMk id="7303" creationId="{F0A42D48-34F3-42F3-9A40-EFEAE6791C72}"/>
          </ac:spMkLst>
        </pc:spChg>
        <pc:spChg chg="del">
          <ac:chgData name="Cara Mazzarini" userId="0e6bb3c30e2f90fe" providerId="LiveId" clId="{669E0C1D-28E8-4F1A-91D8-C7BCD3A75A4F}" dt="2019-07-23T16:49:03.347" v="282"/>
          <ac:spMkLst>
            <pc:docMk/>
            <pc:sldMk cId="108548855" sldId="259"/>
            <ac:spMk id="7304" creationId="{FA4E0BD9-27CF-42C5-81F7-EC6400578EB7}"/>
          </ac:spMkLst>
        </pc:spChg>
        <pc:spChg chg="del">
          <ac:chgData name="Cara Mazzarini" userId="0e6bb3c30e2f90fe" providerId="LiveId" clId="{669E0C1D-28E8-4F1A-91D8-C7BCD3A75A4F}" dt="2019-07-23T16:49:03.347" v="284"/>
          <ac:spMkLst>
            <pc:docMk/>
            <pc:sldMk cId="108548855" sldId="259"/>
            <ac:spMk id="7305" creationId="{5B47CDB2-52DD-4CB6-8FA1-109A38012E79}"/>
          </ac:spMkLst>
        </pc:spChg>
        <pc:spChg chg="del">
          <ac:chgData name="Cara Mazzarini" userId="0e6bb3c30e2f90fe" providerId="LiveId" clId="{669E0C1D-28E8-4F1A-91D8-C7BCD3A75A4F}" dt="2019-07-23T16:49:03.348" v="286"/>
          <ac:spMkLst>
            <pc:docMk/>
            <pc:sldMk cId="108548855" sldId="259"/>
            <ac:spMk id="7306" creationId="{54D6C176-538A-433F-9CA2-CFC279DC77AC}"/>
          </ac:spMkLst>
        </pc:spChg>
        <pc:spChg chg="del">
          <ac:chgData name="Cara Mazzarini" userId="0e6bb3c30e2f90fe" providerId="LiveId" clId="{669E0C1D-28E8-4F1A-91D8-C7BCD3A75A4F}" dt="2019-07-23T16:49:03.348" v="288"/>
          <ac:spMkLst>
            <pc:docMk/>
            <pc:sldMk cId="108548855" sldId="259"/>
            <ac:spMk id="7307" creationId="{904FF5BD-DA4E-4926-8D21-BD83B7975CE5}"/>
          </ac:spMkLst>
        </pc:spChg>
        <pc:spChg chg="del">
          <ac:chgData name="Cara Mazzarini" userId="0e6bb3c30e2f90fe" providerId="LiveId" clId="{669E0C1D-28E8-4F1A-91D8-C7BCD3A75A4F}" dt="2019-07-23T16:49:03.349" v="290"/>
          <ac:spMkLst>
            <pc:docMk/>
            <pc:sldMk cId="108548855" sldId="259"/>
            <ac:spMk id="7308" creationId="{BAC30E32-A285-495A-B3CC-24AF4BA6C2AA}"/>
          </ac:spMkLst>
        </pc:spChg>
        <pc:spChg chg="del">
          <ac:chgData name="Cara Mazzarini" userId="0e6bb3c30e2f90fe" providerId="LiveId" clId="{669E0C1D-28E8-4F1A-91D8-C7BCD3A75A4F}" dt="2019-07-23T16:49:03.350" v="292"/>
          <ac:spMkLst>
            <pc:docMk/>
            <pc:sldMk cId="108548855" sldId="259"/>
            <ac:spMk id="7309" creationId="{491F433F-EB57-4697-B8CA-0DA016A4A588}"/>
          </ac:spMkLst>
        </pc:spChg>
        <pc:spChg chg="del">
          <ac:chgData name="Cara Mazzarini" userId="0e6bb3c30e2f90fe" providerId="LiveId" clId="{669E0C1D-28E8-4F1A-91D8-C7BCD3A75A4F}" dt="2019-07-23T16:49:03.350" v="294"/>
          <ac:spMkLst>
            <pc:docMk/>
            <pc:sldMk cId="108548855" sldId="259"/>
            <ac:spMk id="7310" creationId="{7F23852D-0BE1-44EF-BDF3-7DBEF18BBB73}"/>
          </ac:spMkLst>
        </pc:spChg>
        <pc:spChg chg="del">
          <ac:chgData name="Cara Mazzarini" userId="0e6bb3c30e2f90fe" providerId="LiveId" clId="{669E0C1D-28E8-4F1A-91D8-C7BCD3A75A4F}" dt="2019-07-23T16:49:03.351" v="296"/>
          <ac:spMkLst>
            <pc:docMk/>
            <pc:sldMk cId="108548855" sldId="259"/>
            <ac:spMk id="7311" creationId="{38C39B28-3675-41F0-993C-33FDE250C5CB}"/>
          </ac:spMkLst>
        </pc:spChg>
        <pc:spChg chg="del">
          <ac:chgData name="Cara Mazzarini" userId="0e6bb3c30e2f90fe" providerId="LiveId" clId="{669E0C1D-28E8-4F1A-91D8-C7BCD3A75A4F}" dt="2019-07-23T16:49:03.352" v="298"/>
          <ac:spMkLst>
            <pc:docMk/>
            <pc:sldMk cId="108548855" sldId="259"/>
            <ac:spMk id="7312" creationId="{443C6D0C-5895-454B-BBD6-726D73B929F1}"/>
          </ac:spMkLst>
        </pc:spChg>
        <pc:spChg chg="del">
          <ac:chgData name="Cara Mazzarini" userId="0e6bb3c30e2f90fe" providerId="LiveId" clId="{669E0C1D-28E8-4F1A-91D8-C7BCD3A75A4F}" dt="2019-07-23T16:49:03.352" v="300"/>
          <ac:spMkLst>
            <pc:docMk/>
            <pc:sldMk cId="108548855" sldId="259"/>
            <ac:spMk id="7313" creationId="{530CF8BE-53BE-4E64-8CA1-2A0A4F07C148}"/>
          </ac:spMkLst>
        </pc:spChg>
        <pc:spChg chg="del">
          <ac:chgData name="Cara Mazzarini" userId="0e6bb3c30e2f90fe" providerId="LiveId" clId="{669E0C1D-28E8-4F1A-91D8-C7BCD3A75A4F}" dt="2019-07-23T16:49:03.353" v="302"/>
          <ac:spMkLst>
            <pc:docMk/>
            <pc:sldMk cId="108548855" sldId="259"/>
            <ac:spMk id="7314" creationId="{85306CF4-FE31-4E39-900C-CB47AE70341C}"/>
          </ac:spMkLst>
        </pc:spChg>
        <pc:spChg chg="del">
          <ac:chgData name="Cara Mazzarini" userId="0e6bb3c30e2f90fe" providerId="LiveId" clId="{669E0C1D-28E8-4F1A-91D8-C7BCD3A75A4F}" dt="2019-07-23T16:49:03.353" v="304"/>
          <ac:spMkLst>
            <pc:docMk/>
            <pc:sldMk cId="108548855" sldId="259"/>
            <ac:spMk id="7315" creationId="{84BED133-117E-43D9-97D8-5E3A7DB78532}"/>
          </ac:spMkLst>
        </pc:spChg>
        <pc:spChg chg="del">
          <ac:chgData name="Cara Mazzarini" userId="0e6bb3c30e2f90fe" providerId="LiveId" clId="{669E0C1D-28E8-4F1A-91D8-C7BCD3A75A4F}" dt="2019-07-23T16:49:03.354" v="305"/>
          <ac:spMkLst>
            <pc:docMk/>
            <pc:sldMk cId="108548855" sldId="259"/>
            <ac:spMk id="7316" creationId="{8DD1EBE4-AAE6-4857-89D4-D8E98E7A529D}"/>
          </ac:spMkLst>
        </pc:spChg>
        <pc:spChg chg="del">
          <ac:chgData name="Cara Mazzarini" userId="0e6bb3c30e2f90fe" providerId="LiveId" clId="{669E0C1D-28E8-4F1A-91D8-C7BCD3A75A4F}" dt="2019-07-23T16:49:03.354" v="307"/>
          <ac:spMkLst>
            <pc:docMk/>
            <pc:sldMk cId="108548855" sldId="259"/>
            <ac:spMk id="7317" creationId="{D4019D55-1BCF-4A12-BE3C-478C7DFEEDFE}"/>
          </ac:spMkLst>
        </pc:spChg>
        <pc:spChg chg="del">
          <ac:chgData name="Cara Mazzarini" userId="0e6bb3c30e2f90fe" providerId="LiveId" clId="{669E0C1D-28E8-4F1A-91D8-C7BCD3A75A4F}" dt="2019-07-23T16:49:03.355" v="309"/>
          <ac:spMkLst>
            <pc:docMk/>
            <pc:sldMk cId="108548855" sldId="259"/>
            <ac:spMk id="7318" creationId="{176A7C57-86B5-4689-8BAE-620C9875357A}"/>
          </ac:spMkLst>
        </pc:spChg>
        <pc:spChg chg="del">
          <ac:chgData name="Cara Mazzarini" userId="0e6bb3c30e2f90fe" providerId="LiveId" clId="{669E0C1D-28E8-4F1A-91D8-C7BCD3A75A4F}" dt="2019-07-23T16:49:03.355" v="310"/>
          <ac:spMkLst>
            <pc:docMk/>
            <pc:sldMk cId="108548855" sldId="259"/>
            <ac:spMk id="7319" creationId="{F5BF3BC5-3A67-493D-A6DC-ECA794551591}"/>
          </ac:spMkLst>
        </pc:spChg>
        <pc:spChg chg="del">
          <ac:chgData name="Cara Mazzarini" userId="0e6bb3c30e2f90fe" providerId="LiveId" clId="{669E0C1D-28E8-4F1A-91D8-C7BCD3A75A4F}" dt="2019-07-23T16:49:03.356" v="312"/>
          <ac:spMkLst>
            <pc:docMk/>
            <pc:sldMk cId="108548855" sldId="259"/>
            <ac:spMk id="7320" creationId="{8377F2B0-680A-4A9C-8202-E8182B095D46}"/>
          </ac:spMkLst>
        </pc:spChg>
        <pc:spChg chg="del">
          <ac:chgData name="Cara Mazzarini" userId="0e6bb3c30e2f90fe" providerId="LiveId" clId="{669E0C1D-28E8-4F1A-91D8-C7BCD3A75A4F}" dt="2019-07-23T16:49:03.356" v="314"/>
          <ac:spMkLst>
            <pc:docMk/>
            <pc:sldMk cId="108548855" sldId="259"/>
            <ac:spMk id="7321" creationId="{6FD322B4-250F-43EE-BF1E-A12CF9F08587}"/>
          </ac:spMkLst>
        </pc:spChg>
        <pc:spChg chg="del">
          <ac:chgData name="Cara Mazzarini" userId="0e6bb3c30e2f90fe" providerId="LiveId" clId="{669E0C1D-28E8-4F1A-91D8-C7BCD3A75A4F}" dt="2019-07-23T16:49:03.357" v="315"/>
          <ac:spMkLst>
            <pc:docMk/>
            <pc:sldMk cId="108548855" sldId="259"/>
            <ac:spMk id="7322" creationId="{20E46396-ED9A-4BD4-9B19-CBD9ADE32AF0}"/>
          </ac:spMkLst>
        </pc:spChg>
        <pc:spChg chg="del">
          <ac:chgData name="Cara Mazzarini" userId="0e6bb3c30e2f90fe" providerId="LiveId" clId="{669E0C1D-28E8-4F1A-91D8-C7BCD3A75A4F}" dt="2019-07-23T16:49:03.357" v="317"/>
          <ac:spMkLst>
            <pc:docMk/>
            <pc:sldMk cId="108548855" sldId="259"/>
            <ac:spMk id="7323" creationId="{A374286B-FAE4-4718-80D5-CDA9A73D5512}"/>
          </ac:spMkLst>
        </pc:spChg>
        <pc:spChg chg="del">
          <ac:chgData name="Cara Mazzarini" userId="0e6bb3c30e2f90fe" providerId="LiveId" clId="{669E0C1D-28E8-4F1A-91D8-C7BCD3A75A4F}" dt="2019-07-23T16:49:03.358" v="319"/>
          <ac:spMkLst>
            <pc:docMk/>
            <pc:sldMk cId="108548855" sldId="259"/>
            <ac:spMk id="7324" creationId="{515A52BE-E09F-44A8-BF1F-57E45A3FBFD4}"/>
          </ac:spMkLst>
        </pc:spChg>
        <pc:spChg chg="del">
          <ac:chgData name="Cara Mazzarini" userId="0e6bb3c30e2f90fe" providerId="LiveId" clId="{669E0C1D-28E8-4F1A-91D8-C7BCD3A75A4F}" dt="2019-07-23T16:49:03.358" v="320"/>
          <ac:spMkLst>
            <pc:docMk/>
            <pc:sldMk cId="108548855" sldId="259"/>
            <ac:spMk id="7325" creationId="{9DA3E817-E737-4161-80A0-084CB10FB370}"/>
          </ac:spMkLst>
        </pc:spChg>
        <pc:spChg chg="del">
          <ac:chgData name="Cara Mazzarini" userId="0e6bb3c30e2f90fe" providerId="LiveId" clId="{669E0C1D-28E8-4F1A-91D8-C7BCD3A75A4F}" dt="2019-07-23T16:49:03.359" v="322"/>
          <ac:spMkLst>
            <pc:docMk/>
            <pc:sldMk cId="108548855" sldId="259"/>
            <ac:spMk id="7326" creationId="{5DD8F87C-5DDD-43EB-9814-6AF5B77F54C5}"/>
          </ac:spMkLst>
        </pc:spChg>
        <pc:spChg chg="del">
          <ac:chgData name="Cara Mazzarini" userId="0e6bb3c30e2f90fe" providerId="LiveId" clId="{669E0C1D-28E8-4F1A-91D8-C7BCD3A75A4F}" dt="2019-07-23T16:49:03.359" v="324"/>
          <ac:spMkLst>
            <pc:docMk/>
            <pc:sldMk cId="108548855" sldId="259"/>
            <ac:spMk id="7327" creationId="{5ADBD438-3E92-4953-A862-59BE00761EBD}"/>
          </ac:spMkLst>
        </pc:spChg>
        <pc:spChg chg="del">
          <ac:chgData name="Cara Mazzarini" userId="0e6bb3c30e2f90fe" providerId="LiveId" clId="{669E0C1D-28E8-4F1A-91D8-C7BCD3A75A4F}" dt="2019-07-23T16:49:03.360" v="325"/>
          <ac:spMkLst>
            <pc:docMk/>
            <pc:sldMk cId="108548855" sldId="259"/>
            <ac:spMk id="7328" creationId="{BAD37891-3607-4444-8CEE-434AD5FFA2A8}"/>
          </ac:spMkLst>
        </pc:spChg>
        <pc:spChg chg="add del mod">
          <ac:chgData name="Cara Mazzarini" userId="0e6bb3c30e2f90fe" providerId="LiveId" clId="{669E0C1D-28E8-4F1A-91D8-C7BCD3A75A4F}" dt="2019-07-23T16:52:40.984" v="4178"/>
          <ac:spMkLst>
            <pc:docMk/>
            <pc:sldMk cId="108548855" sldId="259"/>
            <ac:spMk id="7329" creationId="{45B67B4A-2874-4AFD-B8E6-F2F083FD1955}"/>
          </ac:spMkLst>
        </pc:spChg>
        <pc:spChg chg="add del mod">
          <ac:chgData name="Cara Mazzarini" userId="0e6bb3c30e2f90fe" providerId="LiveId" clId="{669E0C1D-28E8-4F1A-91D8-C7BCD3A75A4F}" dt="2019-07-23T16:52:40.984" v="4180"/>
          <ac:spMkLst>
            <pc:docMk/>
            <pc:sldMk cId="108548855" sldId="259"/>
            <ac:spMk id="7330" creationId="{42AB1604-B6A9-4E09-A61B-7863BB8896C5}"/>
          </ac:spMkLst>
        </pc:spChg>
        <pc:spChg chg="add del mod">
          <ac:chgData name="Cara Mazzarini" userId="0e6bb3c30e2f90fe" providerId="LiveId" clId="{669E0C1D-28E8-4F1A-91D8-C7BCD3A75A4F}" dt="2019-07-23T16:52:40.985" v="4181"/>
          <ac:spMkLst>
            <pc:docMk/>
            <pc:sldMk cId="108548855" sldId="259"/>
            <ac:spMk id="7331" creationId="{B77D4031-75C5-4C11-A2A4-03DA63B9F426}"/>
          </ac:spMkLst>
        </pc:spChg>
        <pc:spChg chg="add del mod">
          <ac:chgData name="Cara Mazzarini" userId="0e6bb3c30e2f90fe" providerId="LiveId" clId="{669E0C1D-28E8-4F1A-91D8-C7BCD3A75A4F}" dt="2019-07-23T16:52:40.985" v="4183"/>
          <ac:spMkLst>
            <pc:docMk/>
            <pc:sldMk cId="108548855" sldId="259"/>
            <ac:spMk id="7332" creationId="{3BD5DF1D-BF6B-46BE-8127-5D9DA55267C1}"/>
          </ac:spMkLst>
        </pc:spChg>
        <pc:spChg chg="add del mod">
          <ac:chgData name="Cara Mazzarini" userId="0e6bb3c30e2f90fe" providerId="LiveId" clId="{669E0C1D-28E8-4F1A-91D8-C7BCD3A75A4F}" dt="2019-07-23T16:52:40.986" v="4185"/>
          <ac:spMkLst>
            <pc:docMk/>
            <pc:sldMk cId="108548855" sldId="259"/>
            <ac:spMk id="7333" creationId="{E348122B-FE0C-449B-90B5-B1A7FA332B0C}"/>
          </ac:spMkLst>
        </pc:spChg>
        <pc:spChg chg="add del mod">
          <ac:chgData name="Cara Mazzarini" userId="0e6bb3c30e2f90fe" providerId="LiveId" clId="{669E0C1D-28E8-4F1A-91D8-C7BCD3A75A4F}" dt="2019-07-23T16:52:40.986" v="4186"/>
          <ac:spMkLst>
            <pc:docMk/>
            <pc:sldMk cId="108548855" sldId="259"/>
            <ac:spMk id="7334" creationId="{DCF1D450-B272-41C2-99BE-BE0CB556EA24}"/>
          </ac:spMkLst>
        </pc:spChg>
        <pc:spChg chg="add del mod">
          <ac:chgData name="Cara Mazzarini" userId="0e6bb3c30e2f90fe" providerId="LiveId" clId="{669E0C1D-28E8-4F1A-91D8-C7BCD3A75A4F}" dt="2019-07-23T16:52:40.987" v="4188"/>
          <ac:spMkLst>
            <pc:docMk/>
            <pc:sldMk cId="108548855" sldId="259"/>
            <ac:spMk id="7335" creationId="{260359F6-5642-4B54-A795-E79EEA94F861}"/>
          </ac:spMkLst>
        </pc:spChg>
        <pc:spChg chg="add del mod">
          <ac:chgData name="Cara Mazzarini" userId="0e6bb3c30e2f90fe" providerId="LiveId" clId="{669E0C1D-28E8-4F1A-91D8-C7BCD3A75A4F}" dt="2019-07-23T16:52:40.987" v="4190"/>
          <ac:spMkLst>
            <pc:docMk/>
            <pc:sldMk cId="108548855" sldId="259"/>
            <ac:spMk id="7336" creationId="{183F8E8A-640D-42E7-A67F-86ACDFDC3296}"/>
          </ac:spMkLst>
        </pc:spChg>
        <pc:spChg chg="add del mod">
          <ac:chgData name="Cara Mazzarini" userId="0e6bb3c30e2f90fe" providerId="LiveId" clId="{669E0C1D-28E8-4F1A-91D8-C7BCD3A75A4F}" dt="2019-07-23T16:52:40.987" v="4191"/>
          <ac:spMkLst>
            <pc:docMk/>
            <pc:sldMk cId="108548855" sldId="259"/>
            <ac:spMk id="7337" creationId="{474C12D3-9B37-46DB-9C6A-2716F19CEAFA}"/>
          </ac:spMkLst>
        </pc:spChg>
        <pc:spChg chg="add del mod">
          <ac:chgData name="Cara Mazzarini" userId="0e6bb3c30e2f90fe" providerId="LiveId" clId="{669E0C1D-28E8-4F1A-91D8-C7BCD3A75A4F}" dt="2019-07-23T16:52:40.988" v="4193"/>
          <ac:spMkLst>
            <pc:docMk/>
            <pc:sldMk cId="108548855" sldId="259"/>
            <ac:spMk id="7338" creationId="{44424070-FD1C-47AA-BE86-2DB84263A4ED}"/>
          </ac:spMkLst>
        </pc:spChg>
        <pc:spChg chg="add del mod">
          <ac:chgData name="Cara Mazzarini" userId="0e6bb3c30e2f90fe" providerId="LiveId" clId="{669E0C1D-28E8-4F1A-91D8-C7BCD3A75A4F}" dt="2019-07-23T16:52:40.988" v="4195"/>
          <ac:spMkLst>
            <pc:docMk/>
            <pc:sldMk cId="108548855" sldId="259"/>
            <ac:spMk id="7339" creationId="{CC942A35-F497-4DE6-8BBD-18092638744C}"/>
          </ac:spMkLst>
        </pc:spChg>
        <pc:spChg chg="add del mod">
          <ac:chgData name="Cara Mazzarini" userId="0e6bb3c30e2f90fe" providerId="LiveId" clId="{669E0C1D-28E8-4F1A-91D8-C7BCD3A75A4F}" dt="2019-07-23T16:52:40.989" v="4196"/>
          <ac:spMkLst>
            <pc:docMk/>
            <pc:sldMk cId="108548855" sldId="259"/>
            <ac:spMk id="7340" creationId="{89681A12-7128-48C7-9C60-5AD1AE11E222}"/>
          </ac:spMkLst>
        </pc:spChg>
        <pc:spChg chg="add del mod">
          <ac:chgData name="Cara Mazzarini" userId="0e6bb3c30e2f90fe" providerId="LiveId" clId="{669E0C1D-28E8-4F1A-91D8-C7BCD3A75A4F}" dt="2019-07-23T16:52:40.989" v="4198"/>
          <ac:spMkLst>
            <pc:docMk/>
            <pc:sldMk cId="108548855" sldId="259"/>
            <ac:spMk id="7341" creationId="{DB83EF4F-88B0-4019-9939-A532E8C39DB6}"/>
          </ac:spMkLst>
        </pc:spChg>
        <pc:spChg chg="add del mod">
          <ac:chgData name="Cara Mazzarini" userId="0e6bb3c30e2f90fe" providerId="LiveId" clId="{669E0C1D-28E8-4F1A-91D8-C7BCD3A75A4F}" dt="2019-07-23T16:52:40.990" v="4200"/>
          <ac:spMkLst>
            <pc:docMk/>
            <pc:sldMk cId="108548855" sldId="259"/>
            <ac:spMk id="7342" creationId="{1DF7F791-63EF-46A6-8EB9-5EA0E040EE65}"/>
          </ac:spMkLst>
        </pc:spChg>
        <pc:spChg chg="add del mod">
          <ac:chgData name="Cara Mazzarini" userId="0e6bb3c30e2f90fe" providerId="LiveId" clId="{669E0C1D-28E8-4F1A-91D8-C7BCD3A75A4F}" dt="2019-07-23T16:52:40.990" v="4201"/>
          <ac:spMkLst>
            <pc:docMk/>
            <pc:sldMk cId="108548855" sldId="259"/>
            <ac:spMk id="7343" creationId="{457CCAD2-B9C8-453F-84B1-DBA52F17587B}"/>
          </ac:spMkLst>
        </pc:spChg>
        <pc:spChg chg="add del mod">
          <ac:chgData name="Cara Mazzarini" userId="0e6bb3c30e2f90fe" providerId="LiveId" clId="{669E0C1D-28E8-4F1A-91D8-C7BCD3A75A4F}" dt="2019-07-23T16:52:40.991" v="4203"/>
          <ac:spMkLst>
            <pc:docMk/>
            <pc:sldMk cId="108548855" sldId="259"/>
            <ac:spMk id="7344" creationId="{B8655370-8B38-48C6-864D-55D35DC01DE7}"/>
          </ac:spMkLst>
        </pc:spChg>
        <pc:spChg chg="add del mod">
          <ac:chgData name="Cara Mazzarini" userId="0e6bb3c30e2f90fe" providerId="LiveId" clId="{669E0C1D-28E8-4F1A-91D8-C7BCD3A75A4F}" dt="2019-07-23T16:52:40.992" v="4205"/>
          <ac:spMkLst>
            <pc:docMk/>
            <pc:sldMk cId="108548855" sldId="259"/>
            <ac:spMk id="7345" creationId="{A28B1E38-6890-4E9C-A201-07C655711C96}"/>
          </ac:spMkLst>
        </pc:spChg>
        <pc:spChg chg="add del mod">
          <ac:chgData name="Cara Mazzarini" userId="0e6bb3c30e2f90fe" providerId="LiveId" clId="{669E0C1D-28E8-4F1A-91D8-C7BCD3A75A4F}" dt="2019-07-23T16:52:40.992" v="4206"/>
          <ac:spMkLst>
            <pc:docMk/>
            <pc:sldMk cId="108548855" sldId="259"/>
            <ac:spMk id="7346" creationId="{A7818175-3101-4CF9-8B9C-E678853EEAE2}"/>
          </ac:spMkLst>
        </pc:spChg>
        <pc:spChg chg="add del mod">
          <ac:chgData name="Cara Mazzarini" userId="0e6bb3c30e2f90fe" providerId="LiveId" clId="{669E0C1D-28E8-4F1A-91D8-C7BCD3A75A4F}" dt="2019-07-23T16:56:22.093" v="7809"/>
          <ac:spMkLst>
            <pc:docMk/>
            <pc:sldMk cId="108548855" sldId="259"/>
            <ac:spMk id="7347" creationId="{AC63FFCD-2C91-4335-93C6-31E10C99540D}"/>
          </ac:spMkLst>
        </pc:spChg>
        <pc:spChg chg="add del mod">
          <ac:chgData name="Cara Mazzarini" userId="0e6bb3c30e2f90fe" providerId="LiveId" clId="{669E0C1D-28E8-4F1A-91D8-C7BCD3A75A4F}" dt="2019-07-23T16:56:22.093" v="7811"/>
          <ac:spMkLst>
            <pc:docMk/>
            <pc:sldMk cId="108548855" sldId="259"/>
            <ac:spMk id="7348" creationId="{FB75CCBA-C227-4BAC-BD9B-430DDC97D947}"/>
          </ac:spMkLst>
        </pc:spChg>
        <pc:spChg chg="add del mod">
          <ac:chgData name="Cara Mazzarini" userId="0e6bb3c30e2f90fe" providerId="LiveId" clId="{669E0C1D-28E8-4F1A-91D8-C7BCD3A75A4F}" dt="2019-07-23T16:56:22.094" v="7812"/>
          <ac:spMkLst>
            <pc:docMk/>
            <pc:sldMk cId="108548855" sldId="259"/>
            <ac:spMk id="7349" creationId="{70F4F330-C4B2-4E45-BE3D-D09E49DCF337}"/>
          </ac:spMkLst>
        </pc:spChg>
        <pc:spChg chg="add del mod">
          <ac:chgData name="Cara Mazzarini" userId="0e6bb3c30e2f90fe" providerId="LiveId" clId="{669E0C1D-28E8-4F1A-91D8-C7BCD3A75A4F}" dt="2019-07-23T16:56:22.094" v="7814"/>
          <ac:spMkLst>
            <pc:docMk/>
            <pc:sldMk cId="108548855" sldId="259"/>
            <ac:spMk id="7350" creationId="{4B052088-D283-4C13-8B29-CE23109A9EEB}"/>
          </ac:spMkLst>
        </pc:spChg>
        <pc:spChg chg="add del mod">
          <ac:chgData name="Cara Mazzarini" userId="0e6bb3c30e2f90fe" providerId="LiveId" clId="{669E0C1D-28E8-4F1A-91D8-C7BCD3A75A4F}" dt="2019-07-23T16:56:22.094" v="7816"/>
          <ac:spMkLst>
            <pc:docMk/>
            <pc:sldMk cId="108548855" sldId="259"/>
            <ac:spMk id="7351" creationId="{9DB0592C-4E74-4656-A6E5-470A5ECBEE5E}"/>
          </ac:spMkLst>
        </pc:spChg>
        <pc:spChg chg="add del mod">
          <ac:chgData name="Cara Mazzarini" userId="0e6bb3c30e2f90fe" providerId="LiveId" clId="{669E0C1D-28E8-4F1A-91D8-C7BCD3A75A4F}" dt="2019-07-23T16:56:22.094" v="7818"/>
          <ac:spMkLst>
            <pc:docMk/>
            <pc:sldMk cId="108548855" sldId="259"/>
            <ac:spMk id="7352" creationId="{85394501-F14C-476C-8F46-770CBB310643}"/>
          </ac:spMkLst>
        </pc:spChg>
        <pc:spChg chg="add del mod">
          <ac:chgData name="Cara Mazzarini" userId="0e6bb3c30e2f90fe" providerId="LiveId" clId="{669E0C1D-28E8-4F1A-91D8-C7BCD3A75A4F}" dt="2019-07-23T16:56:22.094" v="7820"/>
          <ac:spMkLst>
            <pc:docMk/>
            <pc:sldMk cId="108548855" sldId="259"/>
            <ac:spMk id="7353" creationId="{962CE43A-8898-4526-9757-35971AC7B207}"/>
          </ac:spMkLst>
        </pc:spChg>
        <pc:spChg chg="add del mod">
          <ac:chgData name="Cara Mazzarini" userId="0e6bb3c30e2f90fe" providerId="LiveId" clId="{669E0C1D-28E8-4F1A-91D8-C7BCD3A75A4F}" dt="2019-07-23T16:56:22.094" v="7822"/>
          <ac:spMkLst>
            <pc:docMk/>
            <pc:sldMk cId="108548855" sldId="259"/>
            <ac:spMk id="7354" creationId="{F3AA06AE-D76E-488C-9204-EA57A26384F5}"/>
          </ac:spMkLst>
        </pc:spChg>
        <pc:spChg chg="add del mod">
          <ac:chgData name="Cara Mazzarini" userId="0e6bb3c30e2f90fe" providerId="LiveId" clId="{669E0C1D-28E8-4F1A-91D8-C7BCD3A75A4F}" dt="2019-07-23T16:56:22.094" v="7824"/>
          <ac:spMkLst>
            <pc:docMk/>
            <pc:sldMk cId="108548855" sldId="259"/>
            <ac:spMk id="7355" creationId="{1ABEDBF0-26CB-4615-AFA7-B4D71E9AE135}"/>
          </ac:spMkLst>
        </pc:spChg>
        <pc:spChg chg="add del mod">
          <ac:chgData name="Cara Mazzarini" userId="0e6bb3c30e2f90fe" providerId="LiveId" clId="{669E0C1D-28E8-4F1A-91D8-C7BCD3A75A4F}" dt="2019-07-23T16:56:22.094" v="7826"/>
          <ac:spMkLst>
            <pc:docMk/>
            <pc:sldMk cId="108548855" sldId="259"/>
            <ac:spMk id="7356" creationId="{C5310734-190E-4C14-8259-3F24D95E099F}"/>
          </ac:spMkLst>
        </pc:spChg>
        <pc:spChg chg="add del mod">
          <ac:chgData name="Cara Mazzarini" userId="0e6bb3c30e2f90fe" providerId="LiveId" clId="{669E0C1D-28E8-4F1A-91D8-C7BCD3A75A4F}" dt="2019-07-23T16:56:22.094" v="7828"/>
          <ac:spMkLst>
            <pc:docMk/>
            <pc:sldMk cId="108548855" sldId="259"/>
            <ac:spMk id="7357" creationId="{243ECEDD-292F-4C1A-888E-7C098B77B873}"/>
          </ac:spMkLst>
        </pc:spChg>
        <pc:spChg chg="add del mod">
          <ac:chgData name="Cara Mazzarini" userId="0e6bb3c30e2f90fe" providerId="LiveId" clId="{669E0C1D-28E8-4F1A-91D8-C7BCD3A75A4F}" dt="2019-07-23T16:56:22.094" v="7830"/>
          <ac:spMkLst>
            <pc:docMk/>
            <pc:sldMk cId="108548855" sldId="259"/>
            <ac:spMk id="7358" creationId="{A681B13E-8EDE-4C8C-8E3C-4C52BBE85AB4}"/>
          </ac:spMkLst>
        </pc:spChg>
        <pc:spChg chg="add del mod">
          <ac:chgData name="Cara Mazzarini" userId="0e6bb3c30e2f90fe" providerId="LiveId" clId="{669E0C1D-28E8-4F1A-91D8-C7BCD3A75A4F}" dt="2019-07-23T16:56:22.094" v="7832"/>
          <ac:spMkLst>
            <pc:docMk/>
            <pc:sldMk cId="108548855" sldId="259"/>
            <ac:spMk id="7359" creationId="{1ACD6581-9D56-4368-99B4-2F6A831E2734}"/>
          </ac:spMkLst>
        </pc:spChg>
        <pc:spChg chg="add del mod">
          <ac:chgData name="Cara Mazzarini" userId="0e6bb3c30e2f90fe" providerId="LiveId" clId="{669E0C1D-28E8-4F1A-91D8-C7BCD3A75A4F}" dt="2019-07-23T16:56:22.094" v="7834"/>
          <ac:spMkLst>
            <pc:docMk/>
            <pc:sldMk cId="108548855" sldId="259"/>
            <ac:spMk id="7385" creationId="{57024D9A-1874-47E9-87D3-64C55F07ACDE}"/>
          </ac:spMkLst>
        </pc:spChg>
        <pc:spChg chg="add del mod">
          <ac:chgData name="Cara Mazzarini" userId="0e6bb3c30e2f90fe" providerId="LiveId" clId="{669E0C1D-28E8-4F1A-91D8-C7BCD3A75A4F}" dt="2019-07-23T16:56:22.094" v="7836"/>
          <ac:spMkLst>
            <pc:docMk/>
            <pc:sldMk cId="108548855" sldId="259"/>
            <ac:spMk id="7386" creationId="{FBB766B1-D6BD-4E4C-B0CD-A07543204FA3}"/>
          </ac:spMkLst>
        </pc:spChg>
        <pc:spChg chg="add del mod">
          <ac:chgData name="Cara Mazzarini" userId="0e6bb3c30e2f90fe" providerId="LiveId" clId="{669E0C1D-28E8-4F1A-91D8-C7BCD3A75A4F}" dt="2019-07-23T16:56:22.094" v="7837"/>
          <ac:spMkLst>
            <pc:docMk/>
            <pc:sldMk cId="108548855" sldId="259"/>
            <ac:spMk id="7387" creationId="{638F392A-317A-4142-BBE1-785A305CE611}"/>
          </ac:spMkLst>
        </pc:spChg>
        <pc:spChg chg="add del mod">
          <ac:chgData name="Cara Mazzarini" userId="0e6bb3c30e2f90fe" providerId="LiveId" clId="{669E0C1D-28E8-4F1A-91D8-C7BCD3A75A4F}" dt="2019-07-23T16:56:22.094" v="7839"/>
          <ac:spMkLst>
            <pc:docMk/>
            <pc:sldMk cId="108548855" sldId="259"/>
            <ac:spMk id="7388" creationId="{31C32BA7-224E-4160-AA43-C7747E26929E}"/>
          </ac:spMkLst>
        </pc:spChg>
        <pc:spChg chg="add del mod">
          <ac:chgData name="Cara Mazzarini" userId="0e6bb3c30e2f90fe" providerId="LiveId" clId="{669E0C1D-28E8-4F1A-91D8-C7BCD3A75A4F}" dt="2019-07-23T16:56:22.094" v="7841"/>
          <ac:spMkLst>
            <pc:docMk/>
            <pc:sldMk cId="108548855" sldId="259"/>
            <ac:spMk id="7389" creationId="{B53EC727-56FE-49F1-BA0E-5FCCB11F8AD8}"/>
          </ac:spMkLst>
        </pc:spChg>
        <pc:spChg chg="add del mod">
          <ac:chgData name="Cara Mazzarini" userId="0e6bb3c30e2f90fe" providerId="LiveId" clId="{669E0C1D-28E8-4F1A-91D8-C7BCD3A75A4F}" dt="2019-07-23T16:56:22.094" v="7842"/>
          <ac:spMkLst>
            <pc:docMk/>
            <pc:sldMk cId="108548855" sldId="259"/>
            <ac:spMk id="7390" creationId="{94FE384D-2EEF-4F02-B635-00493EB2ADB3}"/>
          </ac:spMkLst>
        </pc:spChg>
        <pc:spChg chg="add del mod">
          <ac:chgData name="Cara Mazzarini" userId="0e6bb3c30e2f90fe" providerId="LiveId" clId="{669E0C1D-28E8-4F1A-91D8-C7BCD3A75A4F}" dt="2019-07-23T16:56:22.094" v="7844"/>
          <ac:spMkLst>
            <pc:docMk/>
            <pc:sldMk cId="108548855" sldId="259"/>
            <ac:spMk id="7391" creationId="{7A64388D-9A84-41C1-9465-CE2F0BDFD97E}"/>
          </ac:spMkLst>
        </pc:spChg>
        <pc:spChg chg="add del mod">
          <ac:chgData name="Cara Mazzarini" userId="0e6bb3c30e2f90fe" providerId="LiveId" clId="{669E0C1D-28E8-4F1A-91D8-C7BCD3A75A4F}" dt="2019-07-23T16:56:22.094" v="7846"/>
          <ac:spMkLst>
            <pc:docMk/>
            <pc:sldMk cId="108548855" sldId="259"/>
            <ac:spMk id="7392" creationId="{36078B95-0485-4D5B-9848-D62709D17DE5}"/>
          </ac:spMkLst>
        </pc:spChg>
        <pc:spChg chg="add del mod">
          <ac:chgData name="Cara Mazzarini" userId="0e6bb3c30e2f90fe" providerId="LiveId" clId="{669E0C1D-28E8-4F1A-91D8-C7BCD3A75A4F}" dt="2019-07-23T16:56:22.094" v="7847"/>
          <ac:spMkLst>
            <pc:docMk/>
            <pc:sldMk cId="108548855" sldId="259"/>
            <ac:spMk id="7393" creationId="{2688E18B-7C2B-4AE0-8B6C-ABDF5B0C4818}"/>
          </ac:spMkLst>
        </pc:spChg>
        <pc:spChg chg="add del mod">
          <ac:chgData name="Cara Mazzarini" userId="0e6bb3c30e2f90fe" providerId="LiveId" clId="{669E0C1D-28E8-4F1A-91D8-C7BCD3A75A4F}" dt="2019-07-23T16:56:22.094" v="7849"/>
          <ac:spMkLst>
            <pc:docMk/>
            <pc:sldMk cId="108548855" sldId="259"/>
            <ac:spMk id="7394" creationId="{C3A8A20F-047D-4D4B-901D-6E48AB14EEAB}"/>
          </ac:spMkLst>
        </pc:spChg>
        <pc:spChg chg="add del mod">
          <ac:chgData name="Cara Mazzarini" userId="0e6bb3c30e2f90fe" providerId="LiveId" clId="{669E0C1D-28E8-4F1A-91D8-C7BCD3A75A4F}" dt="2019-07-23T16:56:22.094" v="7851"/>
          <ac:spMkLst>
            <pc:docMk/>
            <pc:sldMk cId="108548855" sldId="259"/>
            <ac:spMk id="7395" creationId="{737D398A-1A07-4ACE-9555-4B2B43B9F75A}"/>
          </ac:spMkLst>
        </pc:spChg>
        <pc:spChg chg="add del mod">
          <ac:chgData name="Cara Mazzarini" userId="0e6bb3c30e2f90fe" providerId="LiveId" clId="{669E0C1D-28E8-4F1A-91D8-C7BCD3A75A4F}" dt="2019-07-23T16:56:22.094" v="7852"/>
          <ac:spMkLst>
            <pc:docMk/>
            <pc:sldMk cId="108548855" sldId="259"/>
            <ac:spMk id="7396" creationId="{986DF255-9835-4CC0-9874-2C5656F1487F}"/>
          </ac:spMkLst>
        </pc:spChg>
        <pc:spChg chg="add del mod">
          <ac:chgData name="Cara Mazzarini" userId="0e6bb3c30e2f90fe" providerId="LiveId" clId="{669E0C1D-28E8-4F1A-91D8-C7BCD3A75A4F}" dt="2019-07-23T16:56:22.094" v="7854"/>
          <ac:spMkLst>
            <pc:docMk/>
            <pc:sldMk cId="108548855" sldId="259"/>
            <ac:spMk id="7397" creationId="{D9F713C3-FA12-42F6-AED8-BD45CD15E99B}"/>
          </ac:spMkLst>
        </pc:spChg>
        <pc:spChg chg="add del mod">
          <ac:chgData name="Cara Mazzarini" userId="0e6bb3c30e2f90fe" providerId="LiveId" clId="{669E0C1D-28E8-4F1A-91D8-C7BCD3A75A4F}" dt="2019-07-23T16:56:22.094" v="7856"/>
          <ac:spMkLst>
            <pc:docMk/>
            <pc:sldMk cId="108548855" sldId="259"/>
            <ac:spMk id="7398" creationId="{DF418694-3ED5-4EC4-B693-70C50180592F}"/>
          </ac:spMkLst>
        </pc:spChg>
        <pc:spChg chg="add del mod">
          <ac:chgData name="Cara Mazzarini" userId="0e6bb3c30e2f90fe" providerId="LiveId" clId="{669E0C1D-28E8-4F1A-91D8-C7BCD3A75A4F}" dt="2019-07-23T16:56:22.094" v="7857"/>
          <ac:spMkLst>
            <pc:docMk/>
            <pc:sldMk cId="108548855" sldId="259"/>
            <ac:spMk id="7399" creationId="{71617FD8-B212-4242-BFDF-F60CE9DED684}"/>
          </ac:spMkLst>
        </pc:spChg>
        <pc:spChg chg="add del mod">
          <ac:chgData name="Cara Mazzarini" userId="0e6bb3c30e2f90fe" providerId="LiveId" clId="{669E0C1D-28E8-4F1A-91D8-C7BCD3A75A4F}" dt="2019-07-23T16:56:22.094" v="7859"/>
          <ac:spMkLst>
            <pc:docMk/>
            <pc:sldMk cId="108548855" sldId="259"/>
            <ac:spMk id="7400" creationId="{149B5F10-78A3-4780-A4AB-C88B28AB4CB1}"/>
          </ac:spMkLst>
        </pc:spChg>
        <pc:spChg chg="add del mod">
          <ac:chgData name="Cara Mazzarini" userId="0e6bb3c30e2f90fe" providerId="LiveId" clId="{669E0C1D-28E8-4F1A-91D8-C7BCD3A75A4F}" dt="2019-07-23T16:56:22.094" v="7861"/>
          <ac:spMkLst>
            <pc:docMk/>
            <pc:sldMk cId="108548855" sldId="259"/>
            <ac:spMk id="7401" creationId="{12582E99-9D7F-45F3-B46A-5D2906759CAD}"/>
          </ac:spMkLst>
        </pc:spChg>
        <pc:spChg chg="add del mod">
          <ac:chgData name="Cara Mazzarini" userId="0e6bb3c30e2f90fe" providerId="LiveId" clId="{669E0C1D-28E8-4F1A-91D8-C7BCD3A75A4F}" dt="2019-07-23T16:56:22.094" v="7862"/>
          <ac:spMkLst>
            <pc:docMk/>
            <pc:sldMk cId="108548855" sldId="259"/>
            <ac:spMk id="7402" creationId="{69DD0BD1-8FA3-434B-BEFF-4CB374699EB7}"/>
          </ac:spMkLst>
        </pc:spChg>
        <pc:spChg chg="add del mod">
          <ac:chgData name="Cara Mazzarini" userId="0e6bb3c30e2f90fe" providerId="LiveId" clId="{669E0C1D-28E8-4F1A-91D8-C7BCD3A75A4F}" dt="2019-07-23T16:56:22.094" v="7864"/>
          <ac:spMkLst>
            <pc:docMk/>
            <pc:sldMk cId="108548855" sldId="259"/>
            <ac:spMk id="7403" creationId="{84F7DA72-4B45-4113-BEC0-137AA1C939AE}"/>
          </ac:spMkLst>
        </pc:spChg>
        <pc:spChg chg="add del mod">
          <ac:chgData name="Cara Mazzarini" userId="0e6bb3c30e2f90fe" providerId="LiveId" clId="{669E0C1D-28E8-4F1A-91D8-C7BCD3A75A4F}" dt="2019-07-23T16:56:22.094" v="7866"/>
          <ac:spMkLst>
            <pc:docMk/>
            <pc:sldMk cId="108548855" sldId="259"/>
            <ac:spMk id="7404" creationId="{44BBF970-F7B9-4569-94B5-1637D582A2DB}"/>
          </ac:spMkLst>
        </pc:spChg>
        <pc:spChg chg="add del mod">
          <ac:chgData name="Cara Mazzarini" userId="0e6bb3c30e2f90fe" providerId="LiveId" clId="{669E0C1D-28E8-4F1A-91D8-C7BCD3A75A4F}" dt="2019-07-23T16:56:22.094" v="7867"/>
          <ac:spMkLst>
            <pc:docMk/>
            <pc:sldMk cId="108548855" sldId="259"/>
            <ac:spMk id="7405" creationId="{6B03A05E-E335-4437-8475-7E9A3CF36F53}"/>
          </ac:spMkLst>
        </pc:spChg>
        <pc:spChg chg="add del mod">
          <ac:chgData name="Cara Mazzarini" userId="0e6bb3c30e2f90fe" providerId="LiveId" clId="{669E0C1D-28E8-4F1A-91D8-C7BCD3A75A4F}" dt="2019-07-23T16:56:22.094" v="7869"/>
          <ac:spMkLst>
            <pc:docMk/>
            <pc:sldMk cId="108548855" sldId="259"/>
            <ac:spMk id="7406" creationId="{91381485-ED03-4276-9EF2-722D76F36356}"/>
          </ac:spMkLst>
        </pc:spChg>
        <pc:spChg chg="add del mod">
          <ac:chgData name="Cara Mazzarini" userId="0e6bb3c30e2f90fe" providerId="LiveId" clId="{669E0C1D-28E8-4F1A-91D8-C7BCD3A75A4F}" dt="2019-07-23T16:56:22.109" v="7871"/>
          <ac:spMkLst>
            <pc:docMk/>
            <pc:sldMk cId="108548855" sldId="259"/>
            <ac:spMk id="7407" creationId="{CFF97034-5796-430F-9B99-C48F4CFD456F}"/>
          </ac:spMkLst>
        </pc:spChg>
        <pc:spChg chg="add del mod">
          <ac:chgData name="Cara Mazzarini" userId="0e6bb3c30e2f90fe" providerId="LiveId" clId="{669E0C1D-28E8-4F1A-91D8-C7BCD3A75A4F}" dt="2019-07-23T16:56:22.109" v="7872"/>
          <ac:spMkLst>
            <pc:docMk/>
            <pc:sldMk cId="108548855" sldId="259"/>
            <ac:spMk id="7408" creationId="{37FD0693-AB8A-4DF5-A750-3C5E7032D695}"/>
          </ac:spMkLst>
        </pc:spChg>
        <pc:spChg chg="add del mod">
          <ac:chgData name="Cara Mazzarini" userId="0e6bb3c30e2f90fe" providerId="LiveId" clId="{669E0C1D-28E8-4F1A-91D8-C7BCD3A75A4F}" dt="2019-07-23T16:56:22.110" v="7874"/>
          <ac:spMkLst>
            <pc:docMk/>
            <pc:sldMk cId="108548855" sldId="259"/>
            <ac:spMk id="7409" creationId="{9BEACA4F-1D43-4AA9-BFEB-FECF2B86046B}"/>
          </ac:spMkLst>
        </pc:spChg>
        <pc:spChg chg="add del mod">
          <ac:chgData name="Cara Mazzarini" userId="0e6bb3c30e2f90fe" providerId="LiveId" clId="{669E0C1D-28E8-4F1A-91D8-C7BCD3A75A4F}" dt="2019-07-23T16:56:22.110" v="7876"/>
          <ac:spMkLst>
            <pc:docMk/>
            <pc:sldMk cId="108548855" sldId="259"/>
            <ac:spMk id="7410" creationId="{550DDFAC-0DF1-4F40-8C25-AE84AFC66A1C}"/>
          </ac:spMkLst>
        </pc:spChg>
        <pc:spChg chg="add del mod">
          <ac:chgData name="Cara Mazzarini" userId="0e6bb3c30e2f90fe" providerId="LiveId" clId="{669E0C1D-28E8-4F1A-91D8-C7BCD3A75A4F}" dt="2019-07-23T16:56:22.110" v="7877"/>
          <ac:spMkLst>
            <pc:docMk/>
            <pc:sldMk cId="108548855" sldId="259"/>
            <ac:spMk id="7411" creationId="{FAC50703-96CD-4905-B1DF-99163710DEDF}"/>
          </ac:spMkLst>
        </pc:spChg>
        <pc:spChg chg="add del mod">
          <ac:chgData name="Cara Mazzarini" userId="0e6bb3c30e2f90fe" providerId="LiveId" clId="{669E0C1D-28E8-4F1A-91D8-C7BCD3A75A4F}" dt="2019-07-23T16:56:22.110" v="7879"/>
          <ac:spMkLst>
            <pc:docMk/>
            <pc:sldMk cId="108548855" sldId="259"/>
            <ac:spMk id="7412" creationId="{A7E7952B-7927-480D-A60F-0CEE7AB7FCCD}"/>
          </ac:spMkLst>
        </pc:spChg>
        <pc:spChg chg="add del mod">
          <ac:chgData name="Cara Mazzarini" userId="0e6bb3c30e2f90fe" providerId="LiveId" clId="{669E0C1D-28E8-4F1A-91D8-C7BCD3A75A4F}" dt="2019-07-23T16:56:22.112" v="7881"/>
          <ac:spMkLst>
            <pc:docMk/>
            <pc:sldMk cId="108548855" sldId="259"/>
            <ac:spMk id="7413" creationId="{EA1B9AD6-0869-4B0C-9FC1-7BCB939EE444}"/>
          </ac:spMkLst>
        </pc:spChg>
        <pc:spChg chg="add del mod">
          <ac:chgData name="Cara Mazzarini" userId="0e6bb3c30e2f90fe" providerId="LiveId" clId="{669E0C1D-28E8-4F1A-91D8-C7BCD3A75A4F}" dt="2019-07-23T16:56:22.112" v="7882"/>
          <ac:spMkLst>
            <pc:docMk/>
            <pc:sldMk cId="108548855" sldId="259"/>
            <ac:spMk id="7414" creationId="{F95C728C-C58A-4612-BDAF-03EF5B75B04B}"/>
          </ac:spMkLst>
        </pc:spChg>
        <pc:spChg chg="add del mod">
          <ac:chgData name="Cara Mazzarini" userId="0e6bb3c30e2f90fe" providerId="LiveId" clId="{669E0C1D-28E8-4F1A-91D8-C7BCD3A75A4F}" dt="2019-07-23T16:56:22.112" v="7884"/>
          <ac:spMkLst>
            <pc:docMk/>
            <pc:sldMk cId="108548855" sldId="259"/>
            <ac:spMk id="7415" creationId="{430E32E4-B2E1-4DEA-803F-3560426EEBF7}"/>
          </ac:spMkLst>
        </pc:spChg>
        <pc:spChg chg="add del mod">
          <ac:chgData name="Cara Mazzarini" userId="0e6bb3c30e2f90fe" providerId="LiveId" clId="{669E0C1D-28E8-4F1A-91D8-C7BCD3A75A4F}" dt="2019-07-23T16:56:22.112" v="7886"/>
          <ac:spMkLst>
            <pc:docMk/>
            <pc:sldMk cId="108548855" sldId="259"/>
            <ac:spMk id="7416" creationId="{FC423E12-EA1E-43D1-A684-1461A07E434D}"/>
          </ac:spMkLst>
        </pc:spChg>
        <pc:spChg chg="add del mod">
          <ac:chgData name="Cara Mazzarini" userId="0e6bb3c30e2f90fe" providerId="LiveId" clId="{669E0C1D-28E8-4F1A-91D8-C7BCD3A75A4F}" dt="2019-07-23T16:56:22.112" v="7887"/>
          <ac:spMkLst>
            <pc:docMk/>
            <pc:sldMk cId="108548855" sldId="259"/>
            <ac:spMk id="7417" creationId="{F66CF3EF-CBF0-48D7-B1DD-FB8724BCAA0D}"/>
          </ac:spMkLst>
        </pc:spChg>
        <pc:spChg chg="add del mod">
          <ac:chgData name="Cara Mazzarini" userId="0e6bb3c30e2f90fe" providerId="LiveId" clId="{669E0C1D-28E8-4F1A-91D8-C7BCD3A75A4F}" dt="2019-07-23T16:56:22.112" v="7889"/>
          <ac:spMkLst>
            <pc:docMk/>
            <pc:sldMk cId="108548855" sldId="259"/>
            <ac:spMk id="7418" creationId="{B64B3A27-1244-4360-9A68-85712B54D4A4}"/>
          </ac:spMkLst>
        </pc:spChg>
        <pc:spChg chg="add del mod">
          <ac:chgData name="Cara Mazzarini" userId="0e6bb3c30e2f90fe" providerId="LiveId" clId="{669E0C1D-28E8-4F1A-91D8-C7BCD3A75A4F}" dt="2019-07-23T16:56:22.112" v="7891"/>
          <ac:spMkLst>
            <pc:docMk/>
            <pc:sldMk cId="108548855" sldId="259"/>
            <ac:spMk id="7419" creationId="{FA895191-7DBC-4DAE-8694-243888A207B0}"/>
          </ac:spMkLst>
        </pc:spChg>
        <pc:spChg chg="add del mod">
          <ac:chgData name="Cara Mazzarini" userId="0e6bb3c30e2f90fe" providerId="LiveId" clId="{669E0C1D-28E8-4F1A-91D8-C7BCD3A75A4F}" dt="2019-07-23T16:56:22.112" v="7892"/>
          <ac:spMkLst>
            <pc:docMk/>
            <pc:sldMk cId="108548855" sldId="259"/>
            <ac:spMk id="7420" creationId="{62718658-D817-4E12-90E9-76D8C3BB6444}"/>
          </ac:spMkLst>
        </pc:spChg>
        <pc:spChg chg="add del mod">
          <ac:chgData name="Cara Mazzarini" userId="0e6bb3c30e2f90fe" providerId="LiveId" clId="{669E0C1D-28E8-4F1A-91D8-C7BCD3A75A4F}" dt="2019-07-23T16:56:22.112" v="7894"/>
          <ac:spMkLst>
            <pc:docMk/>
            <pc:sldMk cId="108548855" sldId="259"/>
            <ac:spMk id="7421" creationId="{95A45675-AA07-485A-AAE5-2078CEE4E2E1}"/>
          </ac:spMkLst>
        </pc:spChg>
        <pc:spChg chg="add del mod">
          <ac:chgData name="Cara Mazzarini" userId="0e6bb3c30e2f90fe" providerId="LiveId" clId="{669E0C1D-28E8-4F1A-91D8-C7BCD3A75A4F}" dt="2019-07-23T16:56:22.112" v="7896"/>
          <ac:spMkLst>
            <pc:docMk/>
            <pc:sldMk cId="108548855" sldId="259"/>
            <ac:spMk id="7422" creationId="{6F08895E-0FAB-41B6-83F6-7A7BC08D92EF}"/>
          </ac:spMkLst>
        </pc:spChg>
        <pc:spChg chg="add del mod">
          <ac:chgData name="Cara Mazzarini" userId="0e6bb3c30e2f90fe" providerId="LiveId" clId="{669E0C1D-28E8-4F1A-91D8-C7BCD3A75A4F}" dt="2019-07-23T16:56:22.112" v="7897"/>
          <ac:spMkLst>
            <pc:docMk/>
            <pc:sldMk cId="108548855" sldId="259"/>
            <ac:spMk id="7423" creationId="{2D36DB78-9611-4FE1-8F5E-B3CFD0C40270}"/>
          </ac:spMkLst>
        </pc:spChg>
        <pc:spChg chg="add del mod">
          <ac:chgData name="Cara Mazzarini" userId="0e6bb3c30e2f90fe" providerId="LiveId" clId="{669E0C1D-28E8-4F1A-91D8-C7BCD3A75A4F}" dt="2019-07-23T16:56:22.112" v="7899"/>
          <ac:spMkLst>
            <pc:docMk/>
            <pc:sldMk cId="108548855" sldId="259"/>
            <ac:spMk id="7424" creationId="{E92DF1C6-4266-4F7D-A897-025F55331C5C}"/>
          </ac:spMkLst>
        </pc:spChg>
        <pc:spChg chg="add del mod">
          <ac:chgData name="Cara Mazzarini" userId="0e6bb3c30e2f90fe" providerId="LiveId" clId="{669E0C1D-28E8-4F1A-91D8-C7BCD3A75A4F}" dt="2019-07-23T16:56:22.112" v="7901"/>
          <ac:spMkLst>
            <pc:docMk/>
            <pc:sldMk cId="108548855" sldId="259"/>
            <ac:spMk id="7425" creationId="{935861A7-2A2B-4715-A15C-479FD56F1687}"/>
          </ac:spMkLst>
        </pc:spChg>
        <pc:spChg chg="add del mod">
          <ac:chgData name="Cara Mazzarini" userId="0e6bb3c30e2f90fe" providerId="LiveId" clId="{669E0C1D-28E8-4F1A-91D8-C7BCD3A75A4F}" dt="2019-07-23T16:56:22.112" v="7902"/>
          <ac:spMkLst>
            <pc:docMk/>
            <pc:sldMk cId="108548855" sldId="259"/>
            <ac:spMk id="7426" creationId="{AB34CEFB-3BCA-4761-84C4-8898BC026D51}"/>
          </ac:spMkLst>
        </pc:spChg>
        <pc:spChg chg="add del mod">
          <ac:chgData name="Cara Mazzarini" userId="0e6bb3c30e2f90fe" providerId="LiveId" clId="{669E0C1D-28E8-4F1A-91D8-C7BCD3A75A4F}" dt="2019-07-23T16:56:22.112" v="7904"/>
          <ac:spMkLst>
            <pc:docMk/>
            <pc:sldMk cId="108548855" sldId="259"/>
            <ac:spMk id="7427" creationId="{1F50DC94-636A-496D-A12D-43ED4E124D8D}"/>
          </ac:spMkLst>
        </pc:spChg>
        <pc:spChg chg="add del mod">
          <ac:chgData name="Cara Mazzarini" userId="0e6bb3c30e2f90fe" providerId="LiveId" clId="{669E0C1D-28E8-4F1A-91D8-C7BCD3A75A4F}" dt="2019-07-23T16:56:22.112" v="7906"/>
          <ac:spMkLst>
            <pc:docMk/>
            <pc:sldMk cId="108548855" sldId="259"/>
            <ac:spMk id="7428" creationId="{00C0E4CF-BA40-4B8E-B3C2-3E255826357A}"/>
          </ac:spMkLst>
        </pc:spChg>
        <pc:spChg chg="add del mod">
          <ac:chgData name="Cara Mazzarini" userId="0e6bb3c30e2f90fe" providerId="LiveId" clId="{669E0C1D-28E8-4F1A-91D8-C7BCD3A75A4F}" dt="2019-07-23T16:56:22.112" v="7907"/>
          <ac:spMkLst>
            <pc:docMk/>
            <pc:sldMk cId="108548855" sldId="259"/>
            <ac:spMk id="7429" creationId="{3397E87E-BFAC-4801-8303-51EAFEF71825}"/>
          </ac:spMkLst>
        </pc:spChg>
        <pc:spChg chg="add del mod">
          <ac:chgData name="Cara Mazzarini" userId="0e6bb3c30e2f90fe" providerId="LiveId" clId="{669E0C1D-28E8-4F1A-91D8-C7BCD3A75A4F}" dt="2019-07-23T16:56:22.112" v="7909"/>
          <ac:spMkLst>
            <pc:docMk/>
            <pc:sldMk cId="108548855" sldId="259"/>
            <ac:spMk id="7430" creationId="{397B4A2B-766B-4634-BBCC-9FC2087B2469}"/>
          </ac:spMkLst>
        </pc:spChg>
        <pc:spChg chg="add del mod">
          <ac:chgData name="Cara Mazzarini" userId="0e6bb3c30e2f90fe" providerId="LiveId" clId="{669E0C1D-28E8-4F1A-91D8-C7BCD3A75A4F}" dt="2019-07-23T16:56:22.112" v="7911"/>
          <ac:spMkLst>
            <pc:docMk/>
            <pc:sldMk cId="108548855" sldId="259"/>
            <ac:spMk id="7431" creationId="{C9ACF96F-F352-4276-8773-7DCF46FEFB14}"/>
          </ac:spMkLst>
        </pc:spChg>
        <pc:spChg chg="add del mod">
          <ac:chgData name="Cara Mazzarini" userId="0e6bb3c30e2f90fe" providerId="LiveId" clId="{669E0C1D-28E8-4F1A-91D8-C7BCD3A75A4F}" dt="2019-07-23T16:56:22.112" v="7912"/>
          <ac:spMkLst>
            <pc:docMk/>
            <pc:sldMk cId="108548855" sldId="259"/>
            <ac:spMk id="7432" creationId="{88F55830-FC43-4145-8FED-D252A1F4C4F3}"/>
          </ac:spMkLst>
        </pc:spChg>
        <pc:spChg chg="add del mod">
          <ac:chgData name="Cara Mazzarini" userId="0e6bb3c30e2f90fe" providerId="LiveId" clId="{669E0C1D-28E8-4F1A-91D8-C7BCD3A75A4F}" dt="2019-07-23T16:56:22.112" v="7914"/>
          <ac:spMkLst>
            <pc:docMk/>
            <pc:sldMk cId="108548855" sldId="259"/>
            <ac:spMk id="7433" creationId="{84185536-5BBB-4433-9F2D-649BE19D13D1}"/>
          </ac:spMkLst>
        </pc:spChg>
        <pc:spChg chg="add del mod">
          <ac:chgData name="Cara Mazzarini" userId="0e6bb3c30e2f90fe" providerId="LiveId" clId="{669E0C1D-28E8-4F1A-91D8-C7BCD3A75A4F}" dt="2019-07-23T16:56:22.112" v="7916"/>
          <ac:spMkLst>
            <pc:docMk/>
            <pc:sldMk cId="108548855" sldId="259"/>
            <ac:spMk id="7434" creationId="{B99AEB59-7B54-478C-AFC2-9F337BFB54DD}"/>
          </ac:spMkLst>
        </pc:spChg>
        <pc:spChg chg="add del mod">
          <ac:chgData name="Cara Mazzarini" userId="0e6bb3c30e2f90fe" providerId="LiveId" clId="{669E0C1D-28E8-4F1A-91D8-C7BCD3A75A4F}" dt="2019-07-23T16:56:22.112" v="7917"/>
          <ac:spMkLst>
            <pc:docMk/>
            <pc:sldMk cId="108548855" sldId="259"/>
            <ac:spMk id="7435" creationId="{2239E290-3E60-4BAF-A893-924005F68260}"/>
          </ac:spMkLst>
        </pc:spChg>
        <pc:spChg chg="add del mod">
          <ac:chgData name="Cara Mazzarini" userId="0e6bb3c30e2f90fe" providerId="LiveId" clId="{669E0C1D-28E8-4F1A-91D8-C7BCD3A75A4F}" dt="2019-07-23T16:56:22.112" v="7919"/>
          <ac:spMkLst>
            <pc:docMk/>
            <pc:sldMk cId="108548855" sldId="259"/>
            <ac:spMk id="7436" creationId="{8AC0ABEE-DD52-4720-8CC9-88A26160E1DE}"/>
          </ac:spMkLst>
        </pc:spChg>
        <pc:spChg chg="add del mod">
          <ac:chgData name="Cara Mazzarini" userId="0e6bb3c30e2f90fe" providerId="LiveId" clId="{669E0C1D-28E8-4F1A-91D8-C7BCD3A75A4F}" dt="2019-07-23T16:56:22.112" v="7921"/>
          <ac:spMkLst>
            <pc:docMk/>
            <pc:sldMk cId="108548855" sldId="259"/>
            <ac:spMk id="7437" creationId="{68D3F847-F9C8-4DCF-A1A3-26EA12E58F30}"/>
          </ac:spMkLst>
        </pc:spChg>
        <pc:spChg chg="add del mod">
          <ac:chgData name="Cara Mazzarini" userId="0e6bb3c30e2f90fe" providerId="LiveId" clId="{669E0C1D-28E8-4F1A-91D8-C7BCD3A75A4F}" dt="2019-07-23T16:56:22.112" v="7922"/>
          <ac:spMkLst>
            <pc:docMk/>
            <pc:sldMk cId="108548855" sldId="259"/>
            <ac:spMk id="7438" creationId="{37DF71A4-EB22-4E0B-8C14-B2BB30F9E29D}"/>
          </ac:spMkLst>
        </pc:spChg>
        <pc:spChg chg="add del mod">
          <ac:chgData name="Cara Mazzarini" userId="0e6bb3c30e2f90fe" providerId="LiveId" clId="{669E0C1D-28E8-4F1A-91D8-C7BCD3A75A4F}" dt="2019-07-23T16:56:22.112" v="7924"/>
          <ac:spMkLst>
            <pc:docMk/>
            <pc:sldMk cId="108548855" sldId="259"/>
            <ac:spMk id="7439" creationId="{37C4CE39-D198-4CCB-86BD-7D45478FBD84}"/>
          </ac:spMkLst>
        </pc:spChg>
        <pc:spChg chg="add del mod">
          <ac:chgData name="Cara Mazzarini" userId="0e6bb3c30e2f90fe" providerId="LiveId" clId="{669E0C1D-28E8-4F1A-91D8-C7BCD3A75A4F}" dt="2019-07-23T16:56:22.112" v="7926"/>
          <ac:spMkLst>
            <pc:docMk/>
            <pc:sldMk cId="108548855" sldId="259"/>
            <ac:spMk id="7440" creationId="{C168A0DF-D059-4ACE-A234-3C991A2322C8}"/>
          </ac:spMkLst>
        </pc:spChg>
        <pc:spChg chg="add del mod">
          <ac:chgData name="Cara Mazzarini" userId="0e6bb3c30e2f90fe" providerId="LiveId" clId="{669E0C1D-28E8-4F1A-91D8-C7BCD3A75A4F}" dt="2019-07-23T16:56:22.112" v="7927"/>
          <ac:spMkLst>
            <pc:docMk/>
            <pc:sldMk cId="108548855" sldId="259"/>
            <ac:spMk id="7441" creationId="{CD02A3F3-A8EC-40B3-910F-AC025F5A5E5C}"/>
          </ac:spMkLst>
        </pc:spChg>
        <pc:spChg chg="add del mod">
          <ac:chgData name="Cara Mazzarini" userId="0e6bb3c30e2f90fe" providerId="LiveId" clId="{669E0C1D-28E8-4F1A-91D8-C7BCD3A75A4F}" dt="2019-07-23T16:56:22.112" v="7929"/>
          <ac:spMkLst>
            <pc:docMk/>
            <pc:sldMk cId="108548855" sldId="259"/>
            <ac:spMk id="7442" creationId="{884F8F86-F75C-4136-A091-29E44F0FA45F}"/>
          </ac:spMkLst>
        </pc:spChg>
        <pc:spChg chg="add del mod">
          <ac:chgData name="Cara Mazzarini" userId="0e6bb3c30e2f90fe" providerId="LiveId" clId="{669E0C1D-28E8-4F1A-91D8-C7BCD3A75A4F}" dt="2019-07-23T16:56:22.112" v="7931"/>
          <ac:spMkLst>
            <pc:docMk/>
            <pc:sldMk cId="108548855" sldId="259"/>
            <ac:spMk id="7443" creationId="{A6390C99-37B6-4DF2-84B1-23CB7662F9BD}"/>
          </ac:spMkLst>
        </pc:spChg>
        <pc:spChg chg="add del mod">
          <ac:chgData name="Cara Mazzarini" userId="0e6bb3c30e2f90fe" providerId="LiveId" clId="{669E0C1D-28E8-4F1A-91D8-C7BCD3A75A4F}" dt="2019-07-23T16:56:22.112" v="7932"/>
          <ac:spMkLst>
            <pc:docMk/>
            <pc:sldMk cId="108548855" sldId="259"/>
            <ac:spMk id="7444" creationId="{5D93BCB7-CE6A-43D4-915B-CD842F090309}"/>
          </ac:spMkLst>
        </pc:spChg>
        <pc:spChg chg="add mod">
          <ac:chgData name="Cara Mazzarini" userId="0e6bb3c30e2f90fe" providerId="LiveId" clId="{669E0C1D-28E8-4F1A-91D8-C7BCD3A75A4F}" dt="2019-07-23T16:56:22.413" v="7993"/>
          <ac:spMkLst>
            <pc:docMk/>
            <pc:sldMk cId="108548855" sldId="259"/>
            <ac:spMk id="7445" creationId="{AF6249A5-3FAD-4A2B-BA38-D343193250CB}"/>
          </ac:spMkLst>
        </pc:spChg>
        <pc:spChg chg="add mod">
          <ac:chgData name="Cara Mazzarini" userId="0e6bb3c30e2f90fe" providerId="LiveId" clId="{669E0C1D-28E8-4F1A-91D8-C7BCD3A75A4F}" dt="2019-07-23T16:56:22.460" v="8054"/>
          <ac:spMkLst>
            <pc:docMk/>
            <pc:sldMk cId="108548855" sldId="259"/>
            <ac:spMk id="7446" creationId="{ED488061-D4D7-404B-A733-B57E5D2B30DC}"/>
          </ac:spMkLst>
        </pc:spChg>
        <pc:spChg chg="add mod">
          <ac:chgData name="Cara Mazzarini" userId="0e6bb3c30e2f90fe" providerId="LiveId" clId="{669E0C1D-28E8-4F1A-91D8-C7BCD3A75A4F}" dt="2019-07-23T16:56:22.477" v="8083"/>
          <ac:spMkLst>
            <pc:docMk/>
            <pc:sldMk cId="108548855" sldId="259"/>
            <ac:spMk id="7447" creationId="{88C7EB61-CE5C-4BEF-B123-FB24E02E9B84}"/>
          </ac:spMkLst>
        </pc:spChg>
        <pc:spChg chg="add mod">
          <ac:chgData name="Cara Mazzarini" userId="0e6bb3c30e2f90fe" providerId="LiveId" clId="{669E0C1D-28E8-4F1A-91D8-C7BCD3A75A4F}" dt="2019-07-23T16:56:22.477" v="8086"/>
          <ac:spMkLst>
            <pc:docMk/>
            <pc:sldMk cId="108548855" sldId="259"/>
            <ac:spMk id="7448" creationId="{95501F58-7237-4EA5-81E2-FDF3B7401707}"/>
          </ac:spMkLst>
        </pc:spChg>
        <pc:spChg chg="add mod">
          <ac:chgData name="Cara Mazzarini" userId="0e6bb3c30e2f90fe" providerId="LiveId" clId="{669E0C1D-28E8-4F1A-91D8-C7BCD3A75A4F}" dt="2019-07-23T16:56:22.477" v="8093"/>
          <ac:spMkLst>
            <pc:docMk/>
            <pc:sldMk cId="108548855" sldId="259"/>
            <ac:spMk id="7449" creationId="{98BC8FB3-9A84-4546-8FB3-30301FEE7891}"/>
          </ac:spMkLst>
        </pc:spChg>
        <pc:spChg chg="add mod">
          <ac:chgData name="Cara Mazzarini" userId="0e6bb3c30e2f90fe" providerId="LiveId" clId="{669E0C1D-28E8-4F1A-91D8-C7BCD3A75A4F}" dt="2019-07-23T16:56:22.492" v="8131"/>
          <ac:spMkLst>
            <pc:docMk/>
            <pc:sldMk cId="108548855" sldId="259"/>
            <ac:spMk id="7450" creationId="{250DC642-2862-4DF3-9FF1-8D81F7D8FD85}"/>
          </ac:spMkLst>
        </pc:spChg>
        <pc:spChg chg="add mod">
          <ac:chgData name="Cara Mazzarini" userId="0e6bb3c30e2f90fe" providerId="LiveId" clId="{669E0C1D-28E8-4F1A-91D8-C7BCD3A75A4F}" dt="2019-07-23T16:56:22.529" v="8188"/>
          <ac:spMkLst>
            <pc:docMk/>
            <pc:sldMk cId="108548855" sldId="259"/>
            <ac:spMk id="7451" creationId="{54CE3F6C-46E7-4132-828E-F9BBDAB8E830}"/>
          </ac:spMkLst>
        </pc:spChg>
        <pc:spChg chg="add mod">
          <ac:chgData name="Cara Mazzarini" userId="0e6bb3c30e2f90fe" providerId="LiveId" clId="{669E0C1D-28E8-4F1A-91D8-C7BCD3A75A4F}" dt="2019-07-23T16:56:22.576" v="8245"/>
          <ac:spMkLst>
            <pc:docMk/>
            <pc:sldMk cId="108548855" sldId="259"/>
            <ac:spMk id="7452" creationId="{0CD65730-CADA-4CAA-AEC3-DC7A0CDAD0AC}"/>
          </ac:spMkLst>
        </pc:spChg>
        <pc:spChg chg="add mod">
          <ac:chgData name="Cara Mazzarini" userId="0e6bb3c30e2f90fe" providerId="LiveId" clId="{669E0C1D-28E8-4F1A-91D8-C7BCD3A75A4F}" dt="2019-07-23T16:56:22.607" v="8302"/>
          <ac:spMkLst>
            <pc:docMk/>
            <pc:sldMk cId="108548855" sldId="259"/>
            <ac:spMk id="7453" creationId="{EDBF281A-2D74-48BE-B20C-A048190F7335}"/>
          </ac:spMkLst>
        </pc:spChg>
        <pc:spChg chg="add mod">
          <ac:chgData name="Cara Mazzarini" userId="0e6bb3c30e2f90fe" providerId="LiveId" clId="{669E0C1D-28E8-4F1A-91D8-C7BCD3A75A4F}" dt="2019-07-23T16:56:22.645" v="8359"/>
          <ac:spMkLst>
            <pc:docMk/>
            <pc:sldMk cId="108548855" sldId="259"/>
            <ac:spMk id="7454" creationId="{BA1425AB-806F-481A-BBED-B1E7369D41A3}"/>
          </ac:spMkLst>
        </pc:spChg>
        <pc:spChg chg="add mod">
          <ac:chgData name="Cara Mazzarini" userId="0e6bb3c30e2f90fe" providerId="LiveId" clId="{669E0C1D-28E8-4F1A-91D8-C7BCD3A75A4F}" dt="2019-07-23T16:56:22.686" v="8416"/>
          <ac:spMkLst>
            <pc:docMk/>
            <pc:sldMk cId="108548855" sldId="259"/>
            <ac:spMk id="7455" creationId="{BD2C8132-2FEE-4CFE-AD4E-22B0FAFC0250}"/>
          </ac:spMkLst>
        </pc:spChg>
        <pc:spChg chg="add mod">
          <ac:chgData name="Cara Mazzarini" userId="0e6bb3c30e2f90fe" providerId="LiveId" clId="{669E0C1D-28E8-4F1A-91D8-C7BCD3A75A4F}" dt="2019-07-23T16:56:22.714" v="8473"/>
          <ac:spMkLst>
            <pc:docMk/>
            <pc:sldMk cId="108548855" sldId="259"/>
            <ac:spMk id="7456" creationId="{D6E240D7-1055-47ED-8631-FAD5E48C3FA9}"/>
          </ac:spMkLst>
        </pc:spChg>
        <pc:spChg chg="add mod">
          <ac:chgData name="Cara Mazzarini" userId="0e6bb3c30e2f90fe" providerId="LiveId" clId="{669E0C1D-28E8-4F1A-91D8-C7BCD3A75A4F}" dt="2019-07-23T16:56:22.761" v="8530"/>
          <ac:spMkLst>
            <pc:docMk/>
            <pc:sldMk cId="108548855" sldId="259"/>
            <ac:spMk id="7457" creationId="{9B4417B7-53EE-42D9-AD03-2FB05E264CE1}"/>
          </ac:spMkLst>
        </pc:spChg>
        <pc:spChg chg="add mod">
          <ac:chgData name="Cara Mazzarini" userId="0e6bb3c30e2f90fe" providerId="LiveId" clId="{669E0C1D-28E8-4F1A-91D8-C7BCD3A75A4F}" dt="2019-07-23T16:56:22.914" v="8966"/>
          <ac:spMkLst>
            <pc:docMk/>
            <pc:sldMk cId="108548855" sldId="259"/>
            <ac:spMk id="7481" creationId="{F1CB64AE-D1F3-4C09-B631-3536C7AAAD72}"/>
          </ac:spMkLst>
        </pc:spChg>
        <pc:spChg chg="add mod">
          <ac:chgData name="Cara Mazzarini" userId="0e6bb3c30e2f90fe" providerId="LiveId" clId="{669E0C1D-28E8-4F1A-91D8-C7BCD3A75A4F}" dt="2019-07-23T16:56:22.945" v="9012"/>
          <ac:spMkLst>
            <pc:docMk/>
            <pc:sldMk cId="108548855" sldId="259"/>
            <ac:spMk id="7482" creationId="{E1BA636A-60FF-4220-8957-09F49B18E2AA}"/>
          </ac:spMkLst>
        </pc:spChg>
        <pc:spChg chg="add mod">
          <ac:chgData name="Cara Mazzarini" userId="0e6bb3c30e2f90fe" providerId="LiveId" clId="{669E0C1D-28E8-4F1A-91D8-C7BCD3A75A4F}" dt="2019-07-23T16:56:22.961" v="9047"/>
          <ac:spMkLst>
            <pc:docMk/>
            <pc:sldMk cId="108548855" sldId="259"/>
            <ac:spMk id="7483" creationId="{4C2D5822-0663-4499-9020-604C4E5FF1CF}"/>
          </ac:spMkLst>
        </pc:spChg>
        <pc:spChg chg="add mod">
          <ac:chgData name="Cara Mazzarini" userId="0e6bb3c30e2f90fe" providerId="LiveId" clId="{669E0C1D-28E8-4F1A-91D8-C7BCD3A75A4F}" dt="2019-07-23T16:56:22.992" v="9091"/>
          <ac:spMkLst>
            <pc:docMk/>
            <pc:sldMk cId="108548855" sldId="259"/>
            <ac:spMk id="7484" creationId="{BE927B8A-FE15-45B3-97C1-3D5B21E32F09}"/>
          </ac:spMkLst>
        </pc:spChg>
        <pc:spChg chg="add mod">
          <ac:chgData name="Cara Mazzarini" userId="0e6bb3c30e2f90fe" providerId="LiveId" clId="{669E0C1D-28E8-4F1A-91D8-C7BCD3A75A4F}" dt="2019-07-23T16:56:23.015" v="9136"/>
          <ac:spMkLst>
            <pc:docMk/>
            <pc:sldMk cId="108548855" sldId="259"/>
            <ac:spMk id="7485" creationId="{1F4CEF3E-6079-45F5-A3B0-A8BB7FB3D94F}"/>
          </ac:spMkLst>
        </pc:spChg>
        <pc:spChg chg="add mod">
          <ac:chgData name="Cara Mazzarini" userId="0e6bb3c30e2f90fe" providerId="LiveId" clId="{669E0C1D-28E8-4F1A-91D8-C7BCD3A75A4F}" dt="2019-07-23T16:56:23.033" v="9171"/>
          <ac:spMkLst>
            <pc:docMk/>
            <pc:sldMk cId="108548855" sldId="259"/>
            <ac:spMk id="7486" creationId="{157FCE67-0255-43A1-A404-B054C4723C94}"/>
          </ac:spMkLst>
        </pc:spChg>
        <pc:spChg chg="add mod">
          <ac:chgData name="Cara Mazzarini" userId="0e6bb3c30e2f90fe" providerId="LiveId" clId="{669E0C1D-28E8-4F1A-91D8-C7BCD3A75A4F}" dt="2019-07-23T16:56:23.048" v="9217"/>
          <ac:spMkLst>
            <pc:docMk/>
            <pc:sldMk cId="108548855" sldId="259"/>
            <ac:spMk id="7487" creationId="{E7F08178-A740-4F1B-AD73-831588184278}"/>
          </ac:spMkLst>
        </pc:spChg>
        <pc:spChg chg="add mod">
          <ac:chgData name="Cara Mazzarini" userId="0e6bb3c30e2f90fe" providerId="LiveId" clId="{669E0C1D-28E8-4F1A-91D8-C7BCD3A75A4F}" dt="2019-07-23T16:56:23.080" v="9262"/>
          <ac:spMkLst>
            <pc:docMk/>
            <pc:sldMk cId="108548855" sldId="259"/>
            <ac:spMk id="7488" creationId="{5302E8B5-8B6A-43F8-80BB-9BF0DA6FFE01}"/>
          </ac:spMkLst>
        </pc:spChg>
        <pc:spChg chg="add mod">
          <ac:chgData name="Cara Mazzarini" userId="0e6bb3c30e2f90fe" providerId="LiveId" clId="{669E0C1D-28E8-4F1A-91D8-C7BCD3A75A4F}" dt="2019-07-23T16:56:23.095" v="9298"/>
          <ac:spMkLst>
            <pc:docMk/>
            <pc:sldMk cId="108548855" sldId="259"/>
            <ac:spMk id="7489" creationId="{1334A655-F4DD-45E6-806B-ABB345016825}"/>
          </ac:spMkLst>
        </pc:spChg>
        <pc:spChg chg="add mod">
          <ac:chgData name="Cara Mazzarini" userId="0e6bb3c30e2f90fe" providerId="LiveId" clId="{669E0C1D-28E8-4F1A-91D8-C7BCD3A75A4F}" dt="2019-07-23T16:56:23.124" v="9344"/>
          <ac:spMkLst>
            <pc:docMk/>
            <pc:sldMk cId="108548855" sldId="259"/>
            <ac:spMk id="7490" creationId="{420ACB17-DFA9-44BE-B4E4-61D9D0127653}"/>
          </ac:spMkLst>
        </pc:spChg>
        <pc:spChg chg="add mod">
          <ac:chgData name="Cara Mazzarini" userId="0e6bb3c30e2f90fe" providerId="LiveId" clId="{669E0C1D-28E8-4F1A-91D8-C7BCD3A75A4F}" dt="2019-07-23T16:56:23.155" v="9389"/>
          <ac:spMkLst>
            <pc:docMk/>
            <pc:sldMk cId="108548855" sldId="259"/>
            <ac:spMk id="7491" creationId="{D001C75B-8409-4039-A1CC-30E81984FB8C}"/>
          </ac:spMkLst>
        </pc:spChg>
        <pc:spChg chg="add mod">
          <ac:chgData name="Cara Mazzarini" userId="0e6bb3c30e2f90fe" providerId="LiveId" clId="{669E0C1D-28E8-4F1A-91D8-C7BCD3A75A4F}" dt="2019-07-23T16:56:23.171" v="9425"/>
          <ac:spMkLst>
            <pc:docMk/>
            <pc:sldMk cId="108548855" sldId="259"/>
            <ac:spMk id="7492" creationId="{0288FDF5-37B7-4A27-ABF3-5BFF11E994A6}"/>
          </ac:spMkLst>
        </pc:spChg>
        <pc:spChg chg="add mod">
          <ac:chgData name="Cara Mazzarini" userId="0e6bb3c30e2f90fe" providerId="LiveId" clId="{669E0C1D-28E8-4F1A-91D8-C7BCD3A75A4F}" dt="2019-07-23T16:56:23.187" v="9471"/>
          <ac:spMkLst>
            <pc:docMk/>
            <pc:sldMk cId="108548855" sldId="259"/>
            <ac:spMk id="7493" creationId="{3CC6AFF1-4700-46EF-BE2F-6DEDCFA58422}"/>
          </ac:spMkLst>
        </pc:spChg>
        <pc:spChg chg="add mod">
          <ac:chgData name="Cara Mazzarini" userId="0e6bb3c30e2f90fe" providerId="LiveId" clId="{669E0C1D-28E8-4F1A-91D8-C7BCD3A75A4F}" dt="2019-07-23T16:56:23.215" v="9516"/>
          <ac:spMkLst>
            <pc:docMk/>
            <pc:sldMk cId="108548855" sldId="259"/>
            <ac:spMk id="7494" creationId="{6D5D7FDF-B336-44C2-8872-69855B5620CB}"/>
          </ac:spMkLst>
        </pc:spChg>
        <pc:spChg chg="add mod">
          <ac:chgData name="Cara Mazzarini" userId="0e6bb3c30e2f90fe" providerId="LiveId" clId="{669E0C1D-28E8-4F1A-91D8-C7BCD3A75A4F}" dt="2019-07-23T16:56:23.230" v="9552"/>
          <ac:spMkLst>
            <pc:docMk/>
            <pc:sldMk cId="108548855" sldId="259"/>
            <ac:spMk id="7495" creationId="{7FCA4512-FD41-4384-BBAD-F11936BEA1E7}"/>
          </ac:spMkLst>
        </pc:spChg>
        <pc:spChg chg="add mod">
          <ac:chgData name="Cara Mazzarini" userId="0e6bb3c30e2f90fe" providerId="LiveId" clId="{669E0C1D-28E8-4F1A-91D8-C7BCD3A75A4F}" dt="2019-07-23T16:56:23.262" v="9597"/>
          <ac:spMkLst>
            <pc:docMk/>
            <pc:sldMk cId="108548855" sldId="259"/>
            <ac:spMk id="7496" creationId="{A64FB9B3-3835-437F-B2D6-03D487280B06}"/>
          </ac:spMkLst>
        </pc:spChg>
        <pc:spChg chg="add mod">
          <ac:chgData name="Cara Mazzarini" userId="0e6bb3c30e2f90fe" providerId="LiveId" clId="{669E0C1D-28E8-4F1A-91D8-C7BCD3A75A4F}" dt="2019-07-23T16:56:23.293" v="9643"/>
          <ac:spMkLst>
            <pc:docMk/>
            <pc:sldMk cId="108548855" sldId="259"/>
            <ac:spMk id="7497" creationId="{999468D4-CD86-4857-B7F7-8BA2217B3A76}"/>
          </ac:spMkLst>
        </pc:spChg>
        <pc:spChg chg="add mod">
          <ac:chgData name="Cara Mazzarini" userId="0e6bb3c30e2f90fe" providerId="LiveId" clId="{669E0C1D-28E8-4F1A-91D8-C7BCD3A75A4F}" dt="2019-07-23T16:56:23.309" v="9679"/>
          <ac:spMkLst>
            <pc:docMk/>
            <pc:sldMk cId="108548855" sldId="259"/>
            <ac:spMk id="7498" creationId="{A4AADE9C-FE4F-42A6-A061-C09F987519C7}"/>
          </ac:spMkLst>
        </pc:spChg>
        <pc:spChg chg="add mod">
          <ac:chgData name="Cara Mazzarini" userId="0e6bb3c30e2f90fe" providerId="LiveId" clId="{669E0C1D-28E8-4F1A-91D8-C7BCD3A75A4F}" dt="2019-07-23T16:56:23.331" v="9724"/>
          <ac:spMkLst>
            <pc:docMk/>
            <pc:sldMk cId="108548855" sldId="259"/>
            <ac:spMk id="7499" creationId="{8D6C6D16-60BA-4946-B5FD-D91E2C9FD648}"/>
          </ac:spMkLst>
        </pc:spChg>
        <pc:spChg chg="add mod">
          <ac:chgData name="Cara Mazzarini" userId="0e6bb3c30e2f90fe" providerId="LiveId" clId="{669E0C1D-28E8-4F1A-91D8-C7BCD3A75A4F}" dt="2019-07-23T16:56:23.364" v="9769"/>
          <ac:spMkLst>
            <pc:docMk/>
            <pc:sldMk cId="108548855" sldId="259"/>
            <ac:spMk id="7500" creationId="{16B0C35E-3D5F-40AB-BBFA-47D142A0F2AE}"/>
          </ac:spMkLst>
        </pc:spChg>
        <pc:spChg chg="add mod">
          <ac:chgData name="Cara Mazzarini" userId="0e6bb3c30e2f90fe" providerId="LiveId" clId="{669E0C1D-28E8-4F1A-91D8-C7BCD3A75A4F}" dt="2019-07-23T16:56:23.382" v="9805"/>
          <ac:spMkLst>
            <pc:docMk/>
            <pc:sldMk cId="108548855" sldId="259"/>
            <ac:spMk id="7501" creationId="{32F34014-F828-4173-B9C3-2330C476177B}"/>
          </ac:spMkLst>
        </pc:spChg>
        <pc:spChg chg="add mod">
          <ac:chgData name="Cara Mazzarini" userId="0e6bb3c30e2f90fe" providerId="LiveId" clId="{669E0C1D-28E8-4F1A-91D8-C7BCD3A75A4F}" dt="2019-07-23T16:56:23.407" v="9849"/>
          <ac:spMkLst>
            <pc:docMk/>
            <pc:sldMk cId="108548855" sldId="259"/>
            <ac:spMk id="7502" creationId="{AB9C414F-007C-47F5-85A6-9427FE7585A8}"/>
          </ac:spMkLst>
        </pc:spChg>
        <pc:spChg chg="add mod">
          <ac:chgData name="Cara Mazzarini" userId="0e6bb3c30e2f90fe" providerId="LiveId" clId="{669E0C1D-28E8-4F1A-91D8-C7BCD3A75A4F}" dt="2019-07-23T16:56:23.431" v="9894"/>
          <ac:spMkLst>
            <pc:docMk/>
            <pc:sldMk cId="108548855" sldId="259"/>
            <ac:spMk id="7503" creationId="{B603899D-B9BF-44A2-966E-15C329AA8F89}"/>
          </ac:spMkLst>
        </pc:spChg>
        <pc:spChg chg="add mod">
          <ac:chgData name="Cara Mazzarini" userId="0e6bb3c30e2f90fe" providerId="LiveId" clId="{669E0C1D-28E8-4F1A-91D8-C7BCD3A75A4F}" dt="2019-07-23T16:56:23.446" v="9930"/>
          <ac:spMkLst>
            <pc:docMk/>
            <pc:sldMk cId="108548855" sldId="259"/>
            <ac:spMk id="7504" creationId="{138461CC-F0BF-43D4-9777-4A6BCA06CB77}"/>
          </ac:spMkLst>
        </pc:spChg>
        <pc:spChg chg="add mod">
          <ac:chgData name="Cara Mazzarini" userId="0e6bb3c30e2f90fe" providerId="LiveId" clId="{669E0C1D-28E8-4F1A-91D8-C7BCD3A75A4F}" dt="2019-07-23T16:56:23.478" v="9975"/>
          <ac:spMkLst>
            <pc:docMk/>
            <pc:sldMk cId="108548855" sldId="259"/>
            <ac:spMk id="7505" creationId="{54DE288B-0FDD-4CA3-A655-698AC27B59B6}"/>
          </ac:spMkLst>
        </pc:spChg>
        <pc:spChg chg="add mod">
          <ac:chgData name="Cara Mazzarini" userId="0e6bb3c30e2f90fe" providerId="LiveId" clId="{669E0C1D-28E8-4F1A-91D8-C7BCD3A75A4F}" dt="2019-07-23T16:56:23.493" v="10020"/>
          <ac:spMkLst>
            <pc:docMk/>
            <pc:sldMk cId="108548855" sldId="259"/>
            <ac:spMk id="7506" creationId="{19292AC9-4C9B-423E-82FB-88E8F2EABF95}"/>
          </ac:spMkLst>
        </pc:spChg>
        <pc:spChg chg="add mod">
          <ac:chgData name="Cara Mazzarini" userId="0e6bb3c30e2f90fe" providerId="LiveId" clId="{669E0C1D-28E8-4F1A-91D8-C7BCD3A75A4F}" dt="2019-07-23T16:56:23.515" v="10056"/>
          <ac:spMkLst>
            <pc:docMk/>
            <pc:sldMk cId="108548855" sldId="259"/>
            <ac:spMk id="7507" creationId="{7C7B27C5-FC06-4D2C-A792-017C05FB3112}"/>
          </ac:spMkLst>
        </pc:spChg>
        <pc:spChg chg="add mod">
          <ac:chgData name="Cara Mazzarini" userId="0e6bb3c30e2f90fe" providerId="LiveId" clId="{669E0C1D-28E8-4F1A-91D8-C7BCD3A75A4F}" dt="2019-07-23T16:56:23.531" v="10101"/>
          <ac:spMkLst>
            <pc:docMk/>
            <pc:sldMk cId="108548855" sldId="259"/>
            <ac:spMk id="7508" creationId="{BE35EF51-AA6A-4F40-9B34-BB8C2C3EB943}"/>
          </ac:spMkLst>
        </pc:spChg>
        <pc:spChg chg="add mod">
          <ac:chgData name="Cara Mazzarini" userId="0e6bb3c30e2f90fe" providerId="LiveId" clId="{669E0C1D-28E8-4F1A-91D8-C7BCD3A75A4F}" dt="2019-07-23T16:56:23.562" v="10146"/>
          <ac:spMkLst>
            <pc:docMk/>
            <pc:sldMk cId="108548855" sldId="259"/>
            <ac:spMk id="7509" creationId="{C8898DA4-098E-4EAC-8073-795141641080}"/>
          </ac:spMkLst>
        </pc:spChg>
        <pc:spChg chg="add mod">
          <ac:chgData name="Cara Mazzarini" userId="0e6bb3c30e2f90fe" providerId="LiveId" clId="{669E0C1D-28E8-4F1A-91D8-C7BCD3A75A4F}" dt="2019-07-23T16:56:23.578" v="10182"/>
          <ac:spMkLst>
            <pc:docMk/>
            <pc:sldMk cId="108548855" sldId="259"/>
            <ac:spMk id="7510" creationId="{162CECB5-E4AE-4022-BA59-1FD89F10109D}"/>
          </ac:spMkLst>
        </pc:spChg>
        <pc:spChg chg="add mod">
          <ac:chgData name="Cara Mazzarini" userId="0e6bb3c30e2f90fe" providerId="LiveId" clId="{669E0C1D-28E8-4F1A-91D8-C7BCD3A75A4F}" dt="2019-07-23T16:56:23.616" v="10228"/>
          <ac:spMkLst>
            <pc:docMk/>
            <pc:sldMk cId="108548855" sldId="259"/>
            <ac:spMk id="7511" creationId="{083AF3B2-4178-40B4-BC8A-0D4AFA60D745}"/>
          </ac:spMkLst>
        </pc:spChg>
        <pc:spChg chg="add mod">
          <ac:chgData name="Cara Mazzarini" userId="0e6bb3c30e2f90fe" providerId="LiveId" clId="{669E0C1D-28E8-4F1A-91D8-C7BCD3A75A4F}" dt="2019-07-23T16:56:23.643" v="10273"/>
          <ac:spMkLst>
            <pc:docMk/>
            <pc:sldMk cId="108548855" sldId="259"/>
            <ac:spMk id="7512" creationId="{AFB0258C-4485-47A6-90C9-936059D2E17C}"/>
          </ac:spMkLst>
        </pc:spChg>
        <pc:spChg chg="add mod">
          <ac:chgData name="Cara Mazzarini" userId="0e6bb3c30e2f90fe" providerId="LiveId" clId="{669E0C1D-28E8-4F1A-91D8-C7BCD3A75A4F}" dt="2019-07-23T16:56:23.645" v="10309"/>
          <ac:spMkLst>
            <pc:docMk/>
            <pc:sldMk cId="108548855" sldId="259"/>
            <ac:spMk id="7513" creationId="{924113AC-59E7-4AE8-919B-D78D54E80F75}"/>
          </ac:spMkLst>
        </pc:spChg>
        <pc:spChg chg="add mod">
          <ac:chgData name="Cara Mazzarini" userId="0e6bb3c30e2f90fe" providerId="LiveId" clId="{669E0C1D-28E8-4F1A-91D8-C7BCD3A75A4F}" dt="2019-07-23T16:56:23.676" v="10354"/>
          <ac:spMkLst>
            <pc:docMk/>
            <pc:sldMk cId="108548855" sldId="259"/>
            <ac:spMk id="7514" creationId="{5D7BAB83-F274-4F74-94FF-D96A053033CB}"/>
          </ac:spMkLst>
        </pc:spChg>
        <pc:spChg chg="add mod">
          <ac:chgData name="Cara Mazzarini" userId="0e6bb3c30e2f90fe" providerId="LiveId" clId="{669E0C1D-28E8-4F1A-91D8-C7BCD3A75A4F}" dt="2019-07-23T16:56:23.707" v="10399"/>
          <ac:spMkLst>
            <pc:docMk/>
            <pc:sldMk cId="108548855" sldId="259"/>
            <ac:spMk id="7515" creationId="{AE6CC97E-A163-46DA-89B7-AAB962F188EE}"/>
          </ac:spMkLst>
        </pc:spChg>
        <pc:spChg chg="add mod">
          <ac:chgData name="Cara Mazzarini" userId="0e6bb3c30e2f90fe" providerId="LiveId" clId="{669E0C1D-28E8-4F1A-91D8-C7BCD3A75A4F}" dt="2019-07-23T16:56:23.716" v="10435"/>
          <ac:spMkLst>
            <pc:docMk/>
            <pc:sldMk cId="108548855" sldId="259"/>
            <ac:spMk id="7516" creationId="{6035943E-E3F2-4F50-9B6F-A004B93131CE}"/>
          </ac:spMkLst>
        </pc:spChg>
        <pc:spChg chg="add mod">
          <ac:chgData name="Cara Mazzarini" userId="0e6bb3c30e2f90fe" providerId="LiveId" clId="{669E0C1D-28E8-4F1A-91D8-C7BCD3A75A4F}" dt="2019-07-23T16:56:23.757" v="10480"/>
          <ac:spMkLst>
            <pc:docMk/>
            <pc:sldMk cId="108548855" sldId="259"/>
            <ac:spMk id="7517" creationId="{5ED1B49D-8F79-4778-BE43-A0D29018FDCB}"/>
          </ac:spMkLst>
        </pc:spChg>
        <pc:spChg chg="add mod">
          <ac:chgData name="Cara Mazzarini" userId="0e6bb3c30e2f90fe" providerId="LiveId" clId="{669E0C1D-28E8-4F1A-91D8-C7BCD3A75A4F}" dt="2019-07-23T16:56:23.788" v="10525"/>
          <ac:spMkLst>
            <pc:docMk/>
            <pc:sldMk cId="108548855" sldId="259"/>
            <ac:spMk id="7518" creationId="{9151BA0C-4491-485B-8D51-560BC561E3A9}"/>
          </ac:spMkLst>
        </pc:spChg>
        <pc:spChg chg="add mod">
          <ac:chgData name="Cara Mazzarini" userId="0e6bb3c30e2f90fe" providerId="LiveId" clId="{669E0C1D-28E8-4F1A-91D8-C7BCD3A75A4F}" dt="2019-07-23T16:56:23.804" v="10561"/>
          <ac:spMkLst>
            <pc:docMk/>
            <pc:sldMk cId="108548855" sldId="259"/>
            <ac:spMk id="7519" creationId="{E4E211AD-FC73-4FAD-9428-058D9F237463}"/>
          </ac:spMkLst>
        </pc:spChg>
        <pc:spChg chg="add mod">
          <ac:chgData name="Cara Mazzarini" userId="0e6bb3c30e2f90fe" providerId="LiveId" clId="{669E0C1D-28E8-4F1A-91D8-C7BCD3A75A4F}" dt="2019-07-23T16:56:23.832" v="10605"/>
          <ac:spMkLst>
            <pc:docMk/>
            <pc:sldMk cId="108548855" sldId="259"/>
            <ac:spMk id="7520" creationId="{EB1FD91A-2D85-4D16-BAD7-2690506A432F}"/>
          </ac:spMkLst>
        </pc:spChg>
        <pc:spChg chg="add mod">
          <ac:chgData name="Cara Mazzarini" userId="0e6bb3c30e2f90fe" providerId="LiveId" clId="{669E0C1D-28E8-4F1A-91D8-C7BCD3A75A4F}" dt="2019-07-23T16:56:23.847" v="10650"/>
          <ac:spMkLst>
            <pc:docMk/>
            <pc:sldMk cId="108548855" sldId="259"/>
            <ac:spMk id="7521" creationId="{A4308946-907F-4F3E-8309-26C20D583489}"/>
          </ac:spMkLst>
        </pc:spChg>
        <pc:spChg chg="add mod">
          <ac:chgData name="Cara Mazzarini" userId="0e6bb3c30e2f90fe" providerId="LiveId" clId="{669E0C1D-28E8-4F1A-91D8-C7BCD3A75A4F}" dt="2019-07-23T16:56:23.863" v="10686"/>
          <ac:spMkLst>
            <pc:docMk/>
            <pc:sldMk cId="108548855" sldId="259"/>
            <ac:spMk id="7522" creationId="{FFBB6E43-9D6D-4E40-8259-B13A7F70F400}"/>
          </ac:spMkLst>
        </pc:spChg>
        <pc:spChg chg="add mod">
          <ac:chgData name="Cara Mazzarini" userId="0e6bb3c30e2f90fe" providerId="LiveId" clId="{669E0C1D-28E8-4F1A-91D8-C7BCD3A75A4F}" dt="2019-07-23T16:56:23.906" v="10731"/>
          <ac:spMkLst>
            <pc:docMk/>
            <pc:sldMk cId="108548855" sldId="259"/>
            <ac:spMk id="7523" creationId="{B4BF079B-90C1-4E61-B03E-F08B6444B9AC}"/>
          </ac:spMkLst>
        </pc:spChg>
        <pc:spChg chg="add mod">
          <ac:chgData name="Cara Mazzarini" userId="0e6bb3c30e2f90fe" providerId="LiveId" clId="{669E0C1D-28E8-4F1A-91D8-C7BCD3A75A4F}" dt="2019-07-23T16:56:23.925" v="10777"/>
          <ac:spMkLst>
            <pc:docMk/>
            <pc:sldMk cId="108548855" sldId="259"/>
            <ac:spMk id="7524" creationId="{D5E742DF-D040-43CA-908D-938221B704DB}"/>
          </ac:spMkLst>
        </pc:spChg>
        <pc:spChg chg="add mod">
          <ac:chgData name="Cara Mazzarini" userId="0e6bb3c30e2f90fe" providerId="LiveId" clId="{669E0C1D-28E8-4F1A-91D8-C7BCD3A75A4F}" dt="2019-07-23T16:56:23.940" v="10813"/>
          <ac:spMkLst>
            <pc:docMk/>
            <pc:sldMk cId="108548855" sldId="259"/>
            <ac:spMk id="7525" creationId="{7EE83DA5-76EA-477E-B4AA-D67502F59347}"/>
          </ac:spMkLst>
        </pc:spChg>
        <pc:spChg chg="add mod">
          <ac:chgData name="Cara Mazzarini" userId="0e6bb3c30e2f90fe" providerId="LiveId" clId="{669E0C1D-28E8-4F1A-91D8-C7BCD3A75A4F}" dt="2019-07-23T16:56:23.972" v="10858"/>
          <ac:spMkLst>
            <pc:docMk/>
            <pc:sldMk cId="108548855" sldId="259"/>
            <ac:spMk id="7526" creationId="{F8D51C45-3DF2-4F5C-9F91-8E708AC754D6}"/>
          </ac:spMkLst>
        </pc:spChg>
        <pc:spChg chg="add mod">
          <ac:chgData name="Cara Mazzarini" userId="0e6bb3c30e2f90fe" providerId="LiveId" clId="{669E0C1D-28E8-4F1A-91D8-C7BCD3A75A4F}" dt="2019-07-23T16:56:24.003" v="10902"/>
          <ac:spMkLst>
            <pc:docMk/>
            <pc:sldMk cId="108548855" sldId="259"/>
            <ac:spMk id="7527" creationId="{01381A35-16CA-472D-A50F-76886212F735}"/>
          </ac:spMkLst>
        </pc:spChg>
        <pc:spChg chg="add mod">
          <ac:chgData name="Cara Mazzarini" userId="0e6bb3c30e2f90fe" providerId="LiveId" clId="{669E0C1D-28E8-4F1A-91D8-C7BCD3A75A4F}" dt="2019-07-23T16:56:24.016" v="10938"/>
          <ac:spMkLst>
            <pc:docMk/>
            <pc:sldMk cId="108548855" sldId="259"/>
            <ac:spMk id="7528" creationId="{E64B9E82-AD7D-4C18-AA52-8ADEFD287A75}"/>
          </ac:spMkLst>
        </pc:spChg>
        <pc:spChg chg="add mod">
          <ac:chgData name="Cara Mazzarini" userId="0e6bb3c30e2f90fe" providerId="LiveId" clId="{669E0C1D-28E8-4F1A-91D8-C7BCD3A75A4F}" dt="2019-07-23T16:56:24.035" v="10983"/>
          <ac:spMkLst>
            <pc:docMk/>
            <pc:sldMk cId="108548855" sldId="259"/>
            <ac:spMk id="7529" creationId="{C60C2782-DA9F-4FF9-BF2D-3C1D12938D6E}"/>
          </ac:spMkLst>
        </pc:spChg>
        <pc:spChg chg="add mod">
          <ac:chgData name="Cara Mazzarini" userId="0e6bb3c30e2f90fe" providerId="LiveId" clId="{669E0C1D-28E8-4F1A-91D8-C7BCD3A75A4F}" dt="2019-07-23T16:56:24.066" v="11028"/>
          <ac:spMkLst>
            <pc:docMk/>
            <pc:sldMk cId="108548855" sldId="259"/>
            <ac:spMk id="7530" creationId="{2AC33D3D-2F4F-45F3-A7B2-24CA705570EB}"/>
          </ac:spMkLst>
        </pc:spChg>
        <pc:spChg chg="add mod">
          <ac:chgData name="Cara Mazzarini" userId="0e6bb3c30e2f90fe" providerId="LiveId" clId="{669E0C1D-28E8-4F1A-91D8-C7BCD3A75A4F}" dt="2019-07-23T16:56:24.082" v="11064"/>
          <ac:spMkLst>
            <pc:docMk/>
            <pc:sldMk cId="108548855" sldId="259"/>
            <ac:spMk id="7531" creationId="{F15D9204-3282-4FD7-B878-1E69BFF1F481}"/>
          </ac:spMkLst>
        </pc:spChg>
        <pc:spChg chg="add mod">
          <ac:chgData name="Cara Mazzarini" userId="0e6bb3c30e2f90fe" providerId="LiveId" clId="{669E0C1D-28E8-4F1A-91D8-C7BCD3A75A4F}" dt="2019-07-23T16:56:24.116" v="11111"/>
          <ac:spMkLst>
            <pc:docMk/>
            <pc:sldMk cId="108548855" sldId="259"/>
            <ac:spMk id="7532" creationId="{136AE33A-FBAE-4689-A886-53E9E206B868}"/>
          </ac:spMkLst>
        </pc:spChg>
        <pc:spChg chg="add mod">
          <ac:chgData name="Cara Mazzarini" userId="0e6bb3c30e2f90fe" providerId="LiveId" clId="{669E0C1D-28E8-4F1A-91D8-C7BCD3A75A4F}" dt="2019-07-23T16:56:24.132" v="11156"/>
          <ac:spMkLst>
            <pc:docMk/>
            <pc:sldMk cId="108548855" sldId="259"/>
            <ac:spMk id="7533" creationId="{0587B643-0ADF-48FB-897C-1E0732275227}"/>
          </ac:spMkLst>
        </pc:spChg>
        <pc:spChg chg="add mod">
          <ac:chgData name="Cara Mazzarini" userId="0e6bb3c30e2f90fe" providerId="LiveId" clId="{669E0C1D-28E8-4F1A-91D8-C7BCD3A75A4F}" dt="2019-07-23T16:56:24.148" v="11192"/>
          <ac:spMkLst>
            <pc:docMk/>
            <pc:sldMk cId="108548855" sldId="259"/>
            <ac:spMk id="7534" creationId="{7E803022-4218-43D6-A88D-945FA4D124D3}"/>
          </ac:spMkLst>
        </pc:spChg>
        <pc:cxnChg chg="add del mod ord">
          <ac:chgData name="Cara Mazzarini" userId="0e6bb3c30e2f90fe" providerId="LiveId" clId="{669E0C1D-28E8-4F1A-91D8-C7BCD3A75A4F}" dt="2019-07-23T16:52:40.954" v="4077"/>
          <ac:cxnSpMkLst>
            <pc:docMk/>
            <pc:sldMk cId="108548855" sldId="259"/>
            <ac:cxnSpMk id="17" creationId="{9D0DA7F6-9234-486B-8C14-58860D10CC54}"/>
          </ac:cxnSpMkLst>
        </pc:cxnChg>
        <pc:cxnChg chg="add del mod ord">
          <ac:chgData name="Cara Mazzarini" userId="0e6bb3c30e2f90fe" providerId="LiveId" clId="{669E0C1D-28E8-4F1A-91D8-C7BCD3A75A4F}" dt="2019-07-23T16:52:40.954" v="4075"/>
          <ac:cxnSpMkLst>
            <pc:docMk/>
            <pc:sldMk cId="108548855" sldId="259"/>
            <ac:cxnSpMk id="18" creationId="{87B666DA-CFB6-4ED1-9F4A-067D022DD284}"/>
          </ac:cxnSpMkLst>
        </pc:cxnChg>
        <pc:cxnChg chg="add del mod ord">
          <ac:chgData name="Cara Mazzarini" userId="0e6bb3c30e2f90fe" providerId="LiveId" clId="{669E0C1D-28E8-4F1A-91D8-C7BCD3A75A4F}" dt="2019-07-23T16:52:40.953" v="4073"/>
          <ac:cxnSpMkLst>
            <pc:docMk/>
            <pc:sldMk cId="108548855" sldId="259"/>
            <ac:cxnSpMk id="19" creationId="{8DE9C3BD-48AA-4E9A-8FEF-26ACDE528494}"/>
          </ac:cxnSpMkLst>
        </pc:cxnChg>
        <pc:cxnChg chg="add del mod ord">
          <ac:chgData name="Cara Mazzarini" userId="0e6bb3c30e2f90fe" providerId="LiveId" clId="{669E0C1D-28E8-4F1A-91D8-C7BCD3A75A4F}" dt="2019-07-23T16:52:40.953" v="4071"/>
          <ac:cxnSpMkLst>
            <pc:docMk/>
            <pc:sldMk cId="108548855" sldId="259"/>
            <ac:cxnSpMk id="20" creationId="{556C0867-4B38-46C6-901A-95E59FF21BAA}"/>
          </ac:cxnSpMkLst>
        </pc:cxnChg>
        <pc:cxnChg chg="add del mod ord">
          <ac:chgData name="Cara Mazzarini" userId="0e6bb3c30e2f90fe" providerId="LiveId" clId="{669E0C1D-28E8-4F1A-91D8-C7BCD3A75A4F}" dt="2019-07-23T16:52:40.952" v="4069"/>
          <ac:cxnSpMkLst>
            <pc:docMk/>
            <pc:sldMk cId="108548855" sldId="259"/>
            <ac:cxnSpMk id="21" creationId="{512E5204-2762-49BA-8017-75276CA4F6D1}"/>
          </ac:cxnSpMkLst>
        </pc:cxnChg>
        <pc:cxnChg chg="add del mod ord">
          <ac:chgData name="Cara Mazzarini" userId="0e6bb3c30e2f90fe" providerId="LiveId" clId="{669E0C1D-28E8-4F1A-91D8-C7BCD3A75A4F}" dt="2019-07-23T16:52:40.952" v="4067"/>
          <ac:cxnSpMkLst>
            <pc:docMk/>
            <pc:sldMk cId="108548855" sldId="259"/>
            <ac:cxnSpMk id="22" creationId="{B26A0316-278D-494D-B007-E5B41B4800CD}"/>
          </ac:cxnSpMkLst>
        </pc:cxnChg>
        <pc:cxnChg chg="add del mod ord">
          <ac:chgData name="Cara Mazzarini" userId="0e6bb3c30e2f90fe" providerId="LiveId" clId="{669E0C1D-28E8-4F1A-91D8-C7BCD3A75A4F}" dt="2019-07-23T16:52:40.951" v="4065"/>
          <ac:cxnSpMkLst>
            <pc:docMk/>
            <pc:sldMk cId="108548855" sldId="259"/>
            <ac:cxnSpMk id="23" creationId="{5DDD0BE5-99BA-4F91-9D53-DA5944B4E0C9}"/>
          </ac:cxnSpMkLst>
        </pc:cxnChg>
        <pc:cxnChg chg="add del mod ord">
          <ac:chgData name="Cara Mazzarini" userId="0e6bb3c30e2f90fe" providerId="LiveId" clId="{669E0C1D-28E8-4F1A-91D8-C7BCD3A75A4F}" dt="2019-07-23T16:52:40.950" v="4063"/>
          <ac:cxnSpMkLst>
            <pc:docMk/>
            <pc:sldMk cId="108548855" sldId="259"/>
            <ac:cxnSpMk id="24" creationId="{4EA40667-79AE-491C-83B6-D613A8B71A3C}"/>
          </ac:cxnSpMkLst>
        </pc:cxnChg>
        <pc:cxnChg chg="add del mod ord">
          <ac:chgData name="Cara Mazzarini" userId="0e6bb3c30e2f90fe" providerId="LiveId" clId="{669E0C1D-28E8-4F1A-91D8-C7BCD3A75A4F}" dt="2019-07-23T16:52:40.950" v="4061"/>
          <ac:cxnSpMkLst>
            <pc:docMk/>
            <pc:sldMk cId="108548855" sldId="259"/>
            <ac:cxnSpMk id="25" creationId="{3655D51F-7E0A-45B2-BBE3-8C2C01205767}"/>
          </ac:cxnSpMkLst>
        </pc:cxnChg>
        <pc:cxnChg chg="add del mod ord">
          <ac:chgData name="Cara Mazzarini" userId="0e6bb3c30e2f90fe" providerId="LiveId" clId="{669E0C1D-28E8-4F1A-91D8-C7BCD3A75A4F}" dt="2019-07-23T16:52:40.949" v="4059"/>
          <ac:cxnSpMkLst>
            <pc:docMk/>
            <pc:sldMk cId="108548855" sldId="259"/>
            <ac:cxnSpMk id="26" creationId="{53FB8A22-5DF5-4842-AEC4-07EFDAE369EA}"/>
          </ac:cxnSpMkLst>
        </pc:cxnChg>
        <pc:cxnChg chg="add del mod ord">
          <ac:chgData name="Cara Mazzarini" userId="0e6bb3c30e2f90fe" providerId="LiveId" clId="{669E0C1D-28E8-4F1A-91D8-C7BCD3A75A4F}" dt="2019-07-23T16:52:40.949" v="4057"/>
          <ac:cxnSpMkLst>
            <pc:docMk/>
            <pc:sldMk cId="108548855" sldId="259"/>
            <ac:cxnSpMk id="27" creationId="{05EEE830-F0BD-4E54-B347-155C7C1D5A97}"/>
          </ac:cxnSpMkLst>
        </pc:cxnChg>
        <pc:cxnChg chg="add del mod ord">
          <ac:chgData name="Cara Mazzarini" userId="0e6bb3c30e2f90fe" providerId="LiveId" clId="{669E0C1D-28E8-4F1A-91D8-C7BCD3A75A4F}" dt="2019-07-23T16:52:40.948" v="4055"/>
          <ac:cxnSpMkLst>
            <pc:docMk/>
            <pc:sldMk cId="108548855" sldId="259"/>
            <ac:cxnSpMk id="28" creationId="{CDEA9FD4-A262-4918-8E3C-12DBD2523F3B}"/>
          </ac:cxnSpMkLst>
        </pc:cxnChg>
        <pc:cxnChg chg="add del mod ord">
          <ac:chgData name="Cara Mazzarini" userId="0e6bb3c30e2f90fe" providerId="LiveId" clId="{669E0C1D-28E8-4F1A-91D8-C7BCD3A75A4F}" dt="2019-07-23T16:52:40.948" v="4053"/>
          <ac:cxnSpMkLst>
            <pc:docMk/>
            <pc:sldMk cId="108548855" sldId="259"/>
            <ac:cxnSpMk id="29" creationId="{A7B6FF88-1BF3-448A-9904-EBDB8934BF86}"/>
          </ac:cxnSpMkLst>
        </pc:cxnChg>
        <pc:cxnChg chg="add del mod ord">
          <ac:chgData name="Cara Mazzarini" userId="0e6bb3c30e2f90fe" providerId="LiveId" clId="{669E0C1D-28E8-4F1A-91D8-C7BCD3A75A4F}" dt="2019-07-23T16:52:40.947" v="4051"/>
          <ac:cxnSpMkLst>
            <pc:docMk/>
            <pc:sldMk cId="108548855" sldId="259"/>
            <ac:cxnSpMk id="30" creationId="{E14FAFA0-5234-45FF-8894-8D96CD100FE9}"/>
          </ac:cxnSpMkLst>
        </pc:cxnChg>
        <pc:cxnChg chg="add del mod ord">
          <ac:chgData name="Cara Mazzarini" userId="0e6bb3c30e2f90fe" providerId="LiveId" clId="{669E0C1D-28E8-4F1A-91D8-C7BCD3A75A4F}" dt="2019-07-23T16:52:40.946" v="4049"/>
          <ac:cxnSpMkLst>
            <pc:docMk/>
            <pc:sldMk cId="108548855" sldId="259"/>
            <ac:cxnSpMk id="31" creationId="{745CFAF6-23A8-4CBB-98A4-AE95F8C71A08}"/>
          </ac:cxnSpMkLst>
        </pc:cxnChg>
        <pc:cxnChg chg="add del mod ord">
          <ac:chgData name="Cara Mazzarini" userId="0e6bb3c30e2f90fe" providerId="LiveId" clId="{669E0C1D-28E8-4F1A-91D8-C7BCD3A75A4F}" dt="2019-07-23T16:52:40.945" v="4047"/>
          <ac:cxnSpMkLst>
            <pc:docMk/>
            <pc:sldMk cId="108548855" sldId="259"/>
            <ac:cxnSpMk id="7168" creationId="{F0F4C5AC-A60A-48E5-89F8-5BE778CFDD8B}"/>
          </ac:cxnSpMkLst>
        </pc:cxnChg>
        <pc:cxnChg chg="add del mod ord">
          <ac:chgData name="Cara Mazzarini" userId="0e6bb3c30e2f90fe" providerId="LiveId" clId="{669E0C1D-28E8-4F1A-91D8-C7BCD3A75A4F}" dt="2019-07-23T16:52:40.945" v="4045"/>
          <ac:cxnSpMkLst>
            <pc:docMk/>
            <pc:sldMk cId="108548855" sldId="259"/>
            <ac:cxnSpMk id="7169" creationId="{47522A5D-892A-443B-83F6-2542BE2B4874}"/>
          </ac:cxnSpMkLst>
        </pc:cxnChg>
        <pc:cxnChg chg="add del mod ord">
          <ac:chgData name="Cara Mazzarini" userId="0e6bb3c30e2f90fe" providerId="LiveId" clId="{669E0C1D-28E8-4F1A-91D8-C7BCD3A75A4F}" dt="2019-07-23T16:52:40.944" v="4043"/>
          <ac:cxnSpMkLst>
            <pc:docMk/>
            <pc:sldMk cId="108548855" sldId="259"/>
            <ac:cxnSpMk id="7170" creationId="{9BCC4853-C82D-43D7-9E87-95B2B5245BE2}"/>
          </ac:cxnSpMkLst>
        </pc:cxnChg>
        <pc:cxnChg chg="add del mod ord">
          <ac:chgData name="Cara Mazzarini" userId="0e6bb3c30e2f90fe" providerId="LiveId" clId="{669E0C1D-28E8-4F1A-91D8-C7BCD3A75A4F}" dt="2019-07-23T16:52:40.943" v="4041"/>
          <ac:cxnSpMkLst>
            <pc:docMk/>
            <pc:sldMk cId="108548855" sldId="259"/>
            <ac:cxnSpMk id="7171" creationId="{C250B03B-3DED-42DD-BE1B-1A92948AAC2B}"/>
          </ac:cxnSpMkLst>
        </pc:cxnChg>
        <pc:cxnChg chg="add del mod ord">
          <ac:chgData name="Cara Mazzarini" userId="0e6bb3c30e2f90fe" providerId="LiveId" clId="{669E0C1D-28E8-4F1A-91D8-C7BCD3A75A4F}" dt="2019-07-23T16:52:40.943" v="4039"/>
          <ac:cxnSpMkLst>
            <pc:docMk/>
            <pc:sldMk cId="108548855" sldId="259"/>
            <ac:cxnSpMk id="7172" creationId="{45A3341C-D17E-4649-977E-831CD0625E4A}"/>
          </ac:cxnSpMkLst>
        </pc:cxnChg>
        <pc:cxnChg chg="add del mod ord">
          <ac:chgData name="Cara Mazzarini" userId="0e6bb3c30e2f90fe" providerId="LiveId" clId="{669E0C1D-28E8-4F1A-91D8-C7BCD3A75A4F}" dt="2019-07-23T16:52:40.942" v="4037"/>
          <ac:cxnSpMkLst>
            <pc:docMk/>
            <pc:sldMk cId="108548855" sldId="259"/>
            <ac:cxnSpMk id="7173" creationId="{2F2C8B8D-0007-4C0D-AEEE-C4C789CB5888}"/>
          </ac:cxnSpMkLst>
        </pc:cxnChg>
        <pc:cxnChg chg="add del mod ord">
          <ac:chgData name="Cara Mazzarini" userId="0e6bb3c30e2f90fe" providerId="LiveId" clId="{669E0C1D-28E8-4F1A-91D8-C7BCD3A75A4F}" dt="2019-07-23T16:52:40.942" v="4035"/>
          <ac:cxnSpMkLst>
            <pc:docMk/>
            <pc:sldMk cId="108548855" sldId="259"/>
            <ac:cxnSpMk id="7174" creationId="{895F717F-0164-4690-BC76-883E668D98E1}"/>
          </ac:cxnSpMkLst>
        </pc:cxnChg>
        <pc:cxnChg chg="add del mod ord">
          <ac:chgData name="Cara Mazzarini" userId="0e6bb3c30e2f90fe" providerId="LiveId" clId="{669E0C1D-28E8-4F1A-91D8-C7BCD3A75A4F}" dt="2019-07-23T16:52:40.941" v="4033"/>
          <ac:cxnSpMkLst>
            <pc:docMk/>
            <pc:sldMk cId="108548855" sldId="259"/>
            <ac:cxnSpMk id="7175" creationId="{42436F33-D057-46B6-B96D-213771DF80FC}"/>
          </ac:cxnSpMkLst>
        </pc:cxnChg>
        <pc:cxnChg chg="add del mod ord">
          <ac:chgData name="Cara Mazzarini" userId="0e6bb3c30e2f90fe" providerId="LiveId" clId="{669E0C1D-28E8-4F1A-91D8-C7BCD3A75A4F}" dt="2019-07-23T16:52:40.941" v="4031"/>
          <ac:cxnSpMkLst>
            <pc:docMk/>
            <pc:sldMk cId="108548855" sldId="259"/>
            <ac:cxnSpMk id="7176" creationId="{F87A1980-C0F6-4F5B-8622-B35752EAC444}"/>
          </ac:cxnSpMkLst>
        </pc:cxnChg>
        <pc:cxnChg chg="add del mod ord">
          <ac:chgData name="Cara Mazzarini" userId="0e6bb3c30e2f90fe" providerId="LiveId" clId="{669E0C1D-28E8-4F1A-91D8-C7BCD3A75A4F}" dt="2019-07-23T16:52:40.940" v="4029"/>
          <ac:cxnSpMkLst>
            <pc:docMk/>
            <pc:sldMk cId="108548855" sldId="259"/>
            <ac:cxnSpMk id="7177" creationId="{EC5C8C55-A0CF-4B67-8184-CA2A6554D9AA}"/>
          </ac:cxnSpMkLst>
        </pc:cxnChg>
        <pc:cxnChg chg="add del mod ord">
          <ac:chgData name="Cara Mazzarini" userId="0e6bb3c30e2f90fe" providerId="LiveId" clId="{669E0C1D-28E8-4F1A-91D8-C7BCD3A75A4F}" dt="2019-07-23T16:52:40.939" v="4027"/>
          <ac:cxnSpMkLst>
            <pc:docMk/>
            <pc:sldMk cId="108548855" sldId="259"/>
            <ac:cxnSpMk id="7178" creationId="{EDB7EABF-7E68-4CE6-8373-33E2D5532162}"/>
          </ac:cxnSpMkLst>
        </pc:cxnChg>
        <pc:cxnChg chg="add del mod ord">
          <ac:chgData name="Cara Mazzarini" userId="0e6bb3c30e2f90fe" providerId="LiveId" clId="{669E0C1D-28E8-4F1A-91D8-C7BCD3A75A4F}" dt="2019-07-23T16:52:40.939" v="4025"/>
          <ac:cxnSpMkLst>
            <pc:docMk/>
            <pc:sldMk cId="108548855" sldId="259"/>
            <ac:cxnSpMk id="7179" creationId="{18F9185C-6175-437E-9742-96C2B9B36C2D}"/>
          </ac:cxnSpMkLst>
        </pc:cxnChg>
        <pc:cxnChg chg="del">
          <ac:chgData name="Cara Mazzarini" userId="0e6bb3c30e2f90fe" providerId="LiveId" clId="{669E0C1D-28E8-4F1A-91D8-C7BCD3A75A4F}" dt="2019-07-23T16:49:03.301" v="147"/>
          <ac:cxnSpMkLst>
            <pc:docMk/>
            <pc:sldMk cId="108548855" sldId="259"/>
            <ac:cxnSpMk id="7204" creationId="{3C601DB9-BB1C-4540-86CD-DC4E042E07F0}"/>
          </ac:cxnSpMkLst>
        </pc:cxnChg>
        <pc:cxnChg chg="del">
          <ac:chgData name="Cara Mazzarini" userId="0e6bb3c30e2f90fe" providerId="LiveId" clId="{669E0C1D-28E8-4F1A-91D8-C7BCD3A75A4F}" dt="2019-07-23T16:49:03.300" v="145"/>
          <ac:cxnSpMkLst>
            <pc:docMk/>
            <pc:sldMk cId="108548855" sldId="259"/>
            <ac:cxnSpMk id="7205" creationId="{F04E451D-EA50-4C37-A6D2-77F1CC8DD399}"/>
          </ac:cxnSpMkLst>
        </pc:cxnChg>
        <pc:cxnChg chg="del">
          <ac:chgData name="Cara Mazzarini" userId="0e6bb3c30e2f90fe" providerId="LiveId" clId="{669E0C1D-28E8-4F1A-91D8-C7BCD3A75A4F}" dt="2019-07-23T16:49:03.300" v="143"/>
          <ac:cxnSpMkLst>
            <pc:docMk/>
            <pc:sldMk cId="108548855" sldId="259"/>
            <ac:cxnSpMk id="7206" creationId="{207275B6-3EC8-4C7D-AFE9-BC47FEB17D78}"/>
          </ac:cxnSpMkLst>
        </pc:cxnChg>
        <pc:cxnChg chg="del">
          <ac:chgData name="Cara Mazzarini" userId="0e6bb3c30e2f90fe" providerId="LiveId" clId="{669E0C1D-28E8-4F1A-91D8-C7BCD3A75A4F}" dt="2019-07-23T16:49:03.299" v="141"/>
          <ac:cxnSpMkLst>
            <pc:docMk/>
            <pc:sldMk cId="108548855" sldId="259"/>
            <ac:cxnSpMk id="7207" creationId="{87C11E52-8276-4667-B477-9D9895F33AF7}"/>
          </ac:cxnSpMkLst>
        </pc:cxnChg>
        <pc:cxnChg chg="del">
          <ac:chgData name="Cara Mazzarini" userId="0e6bb3c30e2f90fe" providerId="LiveId" clId="{669E0C1D-28E8-4F1A-91D8-C7BCD3A75A4F}" dt="2019-07-23T16:49:03.299" v="139"/>
          <ac:cxnSpMkLst>
            <pc:docMk/>
            <pc:sldMk cId="108548855" sldId="259"/>
            <ac:cxnSpMk id="7208" creationId="{694E4B96-4426-467B-A206-9B3C0F8B5E1D}"/>
          </ac:cxnSpMkLst>
        </pc:cxnChg>
        <pc:cxnChg chg="del">
          <ac:chgData name="Cara Mazzarini" userId="0e6bb3c30e2f90fe" providerId="LiveId" clId="{669E0C1D-28E8-4F1A-91D8-C7BCD3A75A4F}" dt="2019-07-23T16:49:03.298" v="137"/>
          <ac:cxnSpMkLst>
            <pc:docMk/>
            <pc:sldMk cId="108548855" sldId="259"/>
            <ac:cxnSpMk id="7209" creationId="{617CCFC4-3C08-4F1B-A5AE-E9120B336635}"/>
          </ac:cxnSpMkLst>
        </pc:cxnChg>
        <pc:cxnChg chg="del">
          <ac:chgData name="Cara Mazzarini" userId="0e6bb3c30e2f90fe" providerId="LiveId" clId="{669E0C1D-28E8-4F1A-91D8-C7BCD3A75A4F}" dt="2019-07-23T16:49:03.298" v="135"/>
          <ac:cxnSpMkLst>
            <pc:docMk/>
            <pc:sldMk cId="108548855" sldId="259"/>
            <ac:cxnSpMk id="7210" creationId="{A6E73F33-6F33-417C-9CB2-9294F3BA61DE}"/>
          </ac:cxnSpMkLst>
        </pc:cxnChg>
        <pc:cxnChg chg="del">
          <ac:chgData name="Cara Mazzarini" userId="0e6bb3c30e2f90fe" providerId="LiveId" clId="{669E0C1D-28E8-4F1A-91D8-C7BCD3A75A4F}" dt="2019-07-23T16:49:03.297" v="133"/>
          <ac:cxnSpMkLst>
            <pc:docMk/>
            <pc:sldMk cId="108548855" sldId="259"/>
            <ac:cxnSpMk id="7211" creationId="{299C7407-44E1-4F8A-B458-A134FC767207}"/>
          </ac:cxnSpMkLst>
        </pc:cxnChg>
        <pc:cxnChg chg="del">
          <ac:chgData name="Cara Mazzarini" userId="0e6bb3c30e2f90fe" providerId="LiveId" clId="{669E0C1D-28E8-4F1A-91D8-C7BCD3A75A4F}" dt="2019-07-23T16:49:03.296" v="131"/>
          <ac:cxnSpMkLst>
            <pc:docMk/>
            <pc:sldMk cId="108548855" sldId="259"/>
            <ac:cxnSpMk id="7212" creationId="{93F7EA52-8C10-4C9F-B551-DBA6FC766CCB}"/>
          </ac:cxnSpMkLst>
        </pc:cxnChg>
        <pc:cxnChg chg="del">
          <ac:chgData name="Cara Mazzarini" userId="0e6bb3c30e2f90fe" providerId="LiveId" clId="{669E0C1D-28E8-4F1A-91D8-C7BCD3A75A4F}" dt="2019-07-23T16:49:03.296" v="129"/>
          <ac:cxnSpMkLst>
            <pc:docMk/>
            <pc:sldMk cId="108548855" sldId="259"/>
            <ac:cxnSpMk id="7213" creationId="{596CB8AA-0066-4865-9937-479086A7B1D0}"/>
          </ac:cxnSpMkLst>
        </pc:cxnChg>
        <pc:cxnChg chg="del">
          <ac:chgData name="Cara Mazzarini" userId="0e6bb3c30e2f90fe" providerId="LiveId" clId="{669E0C1D-28E8-4F1A-91D8-C7BCD3A75A4F}" dt="2019-07-23T16:49:03.295" v="127"/>
          <ac:cxnSpMkLst>
            <pc:docMk/>
            <pc:sldMk cId="108548855" sldId="259"/>
            <ac:cxnSpMk id="7214" creationId="{DCF40E7E-B12F-4E21-9390-42EA4AF4CBEA}"/>
          </ac:cxnSpMkLst>
        </pc:cxnChg>
        <pc:cxnChg chg="del">
          <ac:chgData name="Cara Mazzarini" userId="0e6bb3c30e2f90fe" providerId="LiveId" clId="{669E0C1D-28E8-4F1A-91D8-C7BCD3A75A4F}" dt="2019-07-23T16:49:03.295" v="125"/>
          <ac:cxnSpMkLst>
            <pc:docMk/>
            <pc:sldMk cId="108548855" sldId="259"/>
            <ac:cxnSpMk id="7215" creationId="{05D63443-98A6-4399-9EE0-D5219F275684}"/>
          </ac:cxnSpMkLst>
        </pc:cxnChg>
        <pc:cxnChg chg="del">
          <ac:chgData name="Cara Mazzarini" userId="0e6bb3c30e2f90fe" providerId="LiveId" clId="{669E0C1D-28E8-4F1A-91D8-C7BCD3A75A4F}" dt="2019-07-23T16:49:03.294" v="123"/>
          <ac:cxnSpMkLst>
            <pc:docMk/>
            <pc:sldMk cId="108548855" sldId="259"/>
            <ac:cxnSpMk id="7216" creationId="{BDE1607B-DA58-41BB-A713-1A440E886C6D}"/>
          </ac:cxnSpMkLst>
        </pc:cxnChg>
        <pc:cxnChg chg="del">
          <ac:chgData name="Cara Mazzarini" userId="0e6bb3c30e2f90fe" providerId="LiveId" clId="{669E0C1D-28E8-4F1A-91D8-C7BCD3A75A4F}" dt="2019-07-23T16:49:03.294" v="121"/>
          <ac:cxnSpMkLst>
            <pc:docMk/>
            <pc:sldMk cId="108548855" sldId="259"/>
            <ac:cxnSpMk id="7217" creationId="{F672781A-FB6B-4BFC-B87D-F01770912313}"/>
          </ac:cxnSpMkLst>
        </pc:cxnChg>
        <pc:cxnChg chg="del">
          <ac:chgData name="Cara Mazzarini" userId="0e6bb3c30e2f90fe" providerId="LiveId" clId="{669E0C1D-28E8-4F1A-91D8-C7BCD3A75A4F}" dt="2019-07-23T16:49:03.293" v="119"/>
          <ac:cxnSpMkLst>
            <pc:docMk/>
            <pc:sldMk cId="108548855" sldId="259"/>
            <ac:cxnSpMk id="7218" creationId="{9F5FD0BA-D3DC-48C2-BB88-85C578F67D0D}"/>
          </ac:cxnSpMkLst>
        </pc:cxnChg>
        <pc:cxnChg chg="del">
          <ac:chgData name="Cara Mazzarini" userId="0e6bb3c30e2f90fe" providerId="LiveId" clId="{669E0C1D-28E8-4F1A-91D8-C7BCD3A75A4F}" dt="2019-07-23T16:49:03.292" v="117"/>
          <ac:cxnSpMkLst>
            <pc:docMk/>
            <pc:sldMk cId="108548855" sldId="259"/>
            <ac:cxnSpMk id="7219" creationId="{8F9E375F-FDC8-4E70-8C19-A816F87CE7CE}"/>
          </ac:cxnSpMkLst>
        </pc:cxnChg>
        <pc:cxnChg chg="del">
          <ac:chgData name="Cara Mazzarini" userId="0e6bb3c30e2f90fe" providerId="LiveId" clId="{669E0C1D-28E8-4F1A-91D8-C7BCD3A75A4F}" dt="2019-07-23T16:49:03.292" v="115"/>
          <ac:cxnSpMkLst>
            <pc:docMk/>
            <pc:sldMk cId="108548855" sldId="259"/>
            <ac:cxnSpMk id="7220" creationId="{E8FD49CF-196D-4884-AC48-ED8A9897F0A3}"/>
          </ac:cxnSpMkLst>
        </pc:cxnChg>
        <pc:cxnChg chg="del">
          <ac:chgData name="Cara Mazzarini" userId="0e6bb3c30e2f90fe" providerId="LiveId" clId="{669E0C1D-28E8-4F1A-91D8-C7BCD3A75A4F}" dt="2019-07-23T16:49:03.291" v="113"/>
          <ac:cxnSpMkLst>
            <pc:docMk/>
            <pc:sldMk cId="108548855" sldId="259"/>
            <ac:cxnSpMk id="7221" creationId="{6D62C1B3-53E8-4F0C-AB68-071575949093}"/>
          </ac:cxnSpMkLst>
        </pc:cxnChg>
        <pc:cxnChg chg="del">
          <ac:chgData name="Cara Mazzarini" userId="0e6bb3c30e2f90fe" providerId="LiveId" clId="{669E0C1D-28E8-4F1A-91D8-C7BCD3A75A4F}" dt="2019-07-23T16:49:03.291" v="111"/>
          <ac:cxnSpMkLst>
            <pc:docMk/>
            <pc:sldMk cId="108548855" sldId="259"/>
            <ac:cxnSpMk id="7222" creationId="{F8DFF54F-F981-447F-A9D2-A7C0E4ABEEC0}"/>
          </ac:cxnSpMkLst>
        </pc:cxnChg>
        <pc:cxnChg chg="del">
          <ac:chgData name="Cara Mazzarini" userId="0e6bb3c30e2f90fe" providerId="LiveId" clId="{669E0C1D-28E8-4F1A-91D8-C7BCD3A75A4F}" dt="2019-07-23T16:49:03.290" v="109"/>
          <ac:cxnSpMkLst>
            <pc:docMk/>
            <pc:sldMk cId="108548855" sldId="259"/>
            <ac:cxnSpMk id="7223" creationId="{6CA2CA00-2776-4E8D-9F75-713DE9BD0A3E}"/>
          </ac:cxnSpMkLst>
        </pc:cxnChg>
        <pc:cxnChg chg="del">
          <ac:chgData name="Cara Mazzarini" userId="0e6bb3c30e2f90fe" providerId="LiveId" clId="{669E0C1D-28E8-4F1A-91D8-C7BCD3A75A4F}" dt="2019-07-23T16:49:03.290" v="107"/>
          <ac:cxnSpMkLst>
            <pc:docMk/>
            <pc:sldMk cId="108548855" sldId="259"/>
            <ac:cxnSpMk id="7224" creationId="{35FA2286-E3D1-402C-A2EE-36284A19E420}"/>
          </ac:cxnSpMkLst>
        </pc:cxnChg>
        <pc:cxnChg chg="del">
          <ac:chgData name="Cara Mazzarini" userId="0e6bb3c30e2f90fe" providerId="LiveId" clId="{669E0C1D-28E8-4F1A-91D8-C7BCD3A75A4F}" dt="2019-07-23T16:49:03.289" v="105"/>
          <ac:cxnSpMkLst>
            <pc:docMk/>
            <pc:sldMk cId="108548855" sldId="259"/>
            <ac:cxnSpMk id="7225" creationId="{FE2285BD-3FB6-4148-B249-61F4DD3EB53F}"/>
          </ac:cxnSpMkLst>
        </pc:cxnChg>
        <pc:cxnChg chg="del">
          <ac:chgData name="Cara Mazzarini" userId="0e6bb3c30e2f90fe" providerId="LiveId" clId="{669E0C1D-28E8-4F1A-91D8-C7BCD3A75A4F}" dt="2019-07-23T16:49:03.289" v="103"/>
          <ac:cxnSpMkLst>
            <pc:docMk/>
            <pc:sldMk cId="108548855" sldId="259"/>
            <ac:cxnSpMk id="7226" creationId="{095F08E7-EEDB-4109-BD9B-03ED05F7CE59}"/>
          </ac:cxnSpMkLst>
        </pc:cxnChg>
        <pc:cxnChg chg="del">
          <ac:chgData name="Cara Mazzarini" userId="0e6bb3c30e2f90fe" providerId="LiveId" clId="{669E0C1D-28E8-4F1A-91D8-C7BCD3A75A4F}" dt="2019-07-23T16:49:03.288" v="101"/>
          <ac:cxnSpMkLst>
            <pc:docMk/>
            <pc:sldMk cId="108548855" sldId="259"/>
            <ac:cxnSpMk id="7227" creationId="{AD4ECBC8-086B-4520-A0E0-E65B08A90241}"/>
          </ac:cxnSpMkLst>
        </pc:cxnChg>
        <pc:cxnChg chg="del">
          <ac:chgData name="Cara Mazzarini" userId="0e6bb3c30e2f90fe" providerId="LiveId" clId="{669E0C1D-28E8-4F1A-91D8-C7BCD3A75A4F}" dt="2019-07-23T16:49:03.287" v="99"/>
          <ac:cxnSpMkLst>
            <pc:docMk/>
            <pc:sldMk cId="108548855" sldId="259"/>
            <ac:cxnSpMk id="7228" creationId="{BE42FFB4-7212-4351-BE1F-FA2BD8582E60}"/>
          </ac:cxnSpMkLst>
        </pc:cxnChg>
        <pc:cxnChg chg="del">
          <ac:chgData name="Cara Mazzarini" userId="0e6bb3c30e2f90fe" providerId="LiveId" clId="{669E0C1D-28E8-4F1A-91D8-C7BCD3A75A4F}" dt="2019-07-23T16:49:03.287" v="97"/>
          <ac:cxnSpMkLst>
            <pc:docMk/>
            <pc:sldMk cId="108548855" sldId="259"/>
            <ac:cxnSpMk id="7229" creationId="{3CCAE55B-D7FF-4F06-A216-394DD2443159}"/>
          </ac:cxnSpMkLst>
        </pc:cxnChg>
        <pc:cxnChg chg="del">
          <ac:chgData name="Cara Mazzarini" userId="0e6bb3c30e2f90fe" providerId="LiveId" clId="{669E0C1D-28E8-4F1A-91D8-C7BCD3A75A4F}" dt="2019-07-23T16:49:03.286" v="95"/>
          <ac:cxnSpMkLst>
            <pc:docMk/>
            <pc:sldMk cId="108548855" sldId="259"/>
            <ac:cxnSpMk id="7230" creationId="{B30C4493-8262-488D-B89C-64789C788D2C}"/>
          </ac:cxnSpMkLst>
        </pc:cxnChg>
        <pc:cxnChg chg="del">
          <ac:chgData name="Cara Mazzarini" userId="0e6bb3c30e2f90fe" providerId="LiveId" clId="{669E0C1D-28E8-4F1A-91D8-C7BCD3A75A4F}" dt="2019-07-23T16:49:03.286" v="93"/>
          <ac:cxnSpMkLst>
            <pc:docMk/>
            <pc:sldMk cId="108548855" sldId="259"/>
            <ac:cxnSpMk id="7231" creationId="{E578BBA5-0626-45E9-A631-65AB91C76227}"/>
          </ac:cxnSpMkLst>
        </pc:cxnChg>
        <pc:cxnChg chg="del">
          <ac:chgData name="Cara Mazzarini" userId="0e6bb3c30e2f90fe" providerId="LiveId" clId="{669E0C1D-28E8-4F1A-91D8-C7BCD3A75A4F}" dt="2019-07-23T16:49:03.285" v="91"/>
          <ac:cxnSpMkLst>
            <pc:docMk/>
            <pc:sldMk cId="108548855" sldId="259"/>
            <ac:cxnSpMk id="7232" creationId="{3591B4C2-28FE-476F-8DC2-96FED6B498A6}"/>
          </ac:cxnSpMkLst>
        </pc:cxnChg>
        <pc:cxnChg chg="del">
          <ac:chgData name="Cara Mazzarini" userId="0e6bb3c30e2f90fe" providerId="LiveId" clId="{669E0C1D-28E8-4F1A-91D8-C7BCD3A75A4F}" dt="2019-07-23T16:49:03.284" v="89"/>
          <ac:cxnSpMkLst>
            <pc:docMk/>
            <pc:sldMk cId="108548855" sldId="259"/>
            <ac:cxnSpMk id="7233" creationId="{3AF701FA-86A8-4C4B-A811-A25F09AF4AC7}"/>
          </ac:cxnSpMkLst>
        </pc:cxnChg>
        <pc:cxnChg chg="del">
          <ac:chgData name="Cara Mazzarini" userId="0e6bb3c30e2f90fe" providerId="LiveId" clId="{669E0C1D-28E8-4F1A-91D8-C7BCD3A75A4F}" dt="2019-07-23T16:49:03.284" v="87"/>
          <ac:cxnSpMkLst>
            <pc:docMk/>
            <pc:sldMk cId="108548855" sldId="259"/>
            <ac:cxnSpMk id="7234" creationId="{18D33C71-E3EF-43FE-857B-EF6C37F02629}"/>
          </ac:cxnSpMkLst>
        </pc:cxnChg>
        <pc:cxnChg chg="del">
          <ac:chgData name="Cara Mazzarini" userId="0e6bb3c30e2f90fe" providerId="LiveId" clId="{669E0C1D-28E8-4F1A-91D8-C7BCD3A75A4F}" dt="2019-07-23T16:49:03.283" v="85"/>
          <ac:cxnSpMkLst>
            <pc:docMk/>
            <pc:sldMk cId="108548855" sldId="259"/>
            <ac:cxnSpMk id="7235" creationId="{D3E3FD39-09A3-43D3-A411-AD394C6F3945}"/>
          </ac:cxnSpMkLst>
        </pc:cxnChg>
        <pc:cxnChg chg="del">
          <ac:chgData name="Cara Mazzarini" userId="0e6bb3c30e2f90fe" providerId="LiveId" clId="{669E0C1D-28E8-4F1A-91D8-C7BCD3A75A4F}" dt="2019-07-23T16:49:03.283" v="83"/>
          <ac:cxnSpMkLst>
            <pc:docMk/>
            <pc:sldMk cId="108548855" sldId="259"/>
            <ac:cxnSpMk id="7236" creationId="{2C4E6C3F-E81A-4FFD-AD93-17434CA2E7A6}"/>
          </ac:cxnSpMkLst>
        </pc:cxnChg>
        <pc:cxnChg chg="del">
          <ac:chgData name="Cara Mazzarini" userId="0e6bb3c30e2f90fe" providerId="LiveId" clId="{669E0C1D-28E8-4F1A-91D8-C7BCD3A75A4F}" dt="2019-07-23T16:49:03.282" v="81"/>
          <ac:cxnSpMkLst>
            <pc:docMk/>
            <pc:sldMk cId="108548855" sldId="259"/>
            <ac:cxnSpMk id="7237" creationId="{E6F2C9A8-DD2D-4965-8998-0CC219B8D900}"/>
          </ac:cxnSpMkLst>
        </pc:cxnChg>
        <pc:cxnChg chg="del">
          <ac:chgData name="Cara Mazzarini" userId="0e6bb3c30e2f90fe" providerId="LiveId" clId="{669E0C1D-28E8-4F1A-91D8-C7BCD3A75A4F}" dt="2019-07-23T16:49:03.282" v="79"/>
          <ac:cxnSpMkLst>
            <pc:docMk/>
            <pc:sldMk cId="108548855" sldId="259"/>
            <ac:cxnSpMk id="7238" creationId="{F0758D64-FBD9-404B-B4F3-B9B588ADCC1A}"/>
          </ac:cxnSpMkLst>
        </pc:cxnChg>
        <pc:cxnChg chg="del">
          <ac:chgData name="Cara Mazzarini" userId="0e6bb3c30e2f90fe" providerId="LiveId" clId="{669E0C1D-28E8-4F1A-91D8-C7BCD3A75A4F}" dt="2019-07-23T16:49:03.281" v="77"/>
          <ac:cxnSpMkLst>
            <pc:docMk/>
            <pc:sldMk cId="108548855" sldId="259"/>
            <ac:cxnSpMk id="7239" creationId="{9229735A-807B-4C1F-9804-1A32606F7D95}"/>
          </ac:cxnSpMkLst>
        </pc:cxnChg>
        <pc:cxnChg chg="del">
          <ac:chgData name="Cara Mazzarini" userId="0e6bb3c30e2f90fe" providerId="LiveId" clId="{669E0C1D-28E8-4F1A-91D8-C7BCD3A75A4F}" dt="2019-07-23T16:49:03.281" v="75"/>
          <ac:cxnSpMkLst>
            <pc:docMk/>
            <pc:sldMk cId="108548855" sldId="259"/>
            <ac:cxnSpMk id="7240" creationId="{84527F35-73BF-4DBA-888B-77203E04B053}"/>
          </ac:cxnSpMkLst>
        </pc:cxnChg>
        <pc:cxnChg chg="del">
          <ac:chgData name="Cara Mazzarini" userId="0e6bb3c30e2f90fe" providerId="LiveId" clId="{669E0C1D-28E8-4F1A-91D8-C7BCD3A75A4F}" dt="2019-07-23T16:49:03.280" v="73"/>
          <ac:cxnSpMkLst>
            <pc:docMk/>
            <pc:sldMk cId="108548855" sldId="259"/>
            <ac:cxnSpMk id="7241" creationId="{99631A2F-C122-431F-BD6A-41BB7E7130D8}"/>
          </ac:cxnSpMkLst>
        </pc:cxnChg>
        <pc:cxnChg chg="add del mod ord">
          <ac:chgData name="Cara Mazzarini" userId="0e6bb3c30e2f90fe" providerId="LiveId" clId="{669E0C1D-28E8-4F1A-91D8-C7BCD3A75A4F}" dt="2019-07-23T16:56:22.077" v="7807"/>
          <ac:cxnSpMkLst>
            <pc:docMk/>
            <pc:sldMk cId="108548855" sldId="259"/>
            <ac:cxnSpMk id="7360" creationId="{5F498723-1549-4425-A07C-77E0C1E8BF46}"/>
          </ac:cxnSpMkLst>
        </pc:cxnChg>
        <pc:cxnChg chg="add del mod ord">
          <ac:chgData name="Cara Mazzarini" userId="0e6bb3c30e2f90fe" providerId="LiveId" clId="{669E0C1D-28E8-4F1A-91D8-C7BCD3A75A4F}" dt="2019-07-23T16:56:22.077" v="7805"/>
          <ac:cxnSpMkLst>
            <pc:docMk/>
            <pc:sldMk cId="108548855" sldId="259"/>
            <ac:cxnSpMk id="7361" creationId="{A89C4DA8-190C-418C-BD25-5D67B4D6DC25}"/>
          </ac:cxnSpMkLst>
        </pc:cxnChg>
        <pc:cxnChg chg="add del mod ord">
          <ac:chgData name="Cara Mazzarini" userId="0e6bb3c30e2f90fe" providerId="LiveId" clId="{669E0C1D-28E8-4F1A-91D8-C7BCD3A75A4F}" dt="2019-07-23T16:56:22.077" v="7803"/>
          <ac:cxnSpMkLst>
            <pc:docMk/>
            <pc:sldMk cId="108548855" sldId="259"/>
            <ac:cxnSpMk id="7362" creationId="{C05001E9-1A2C-4E6C-94E5-46CEAF445606}"/>
          </ac:cxnSpMkLst>
        </pc:cxnChg>
        <pc:cxnChg chg="add del mod ord">
          <ac:chgData name="Cara Mazzarini" userId="0e6bb3c30e2f90fe" providerId="LiveId" clId="{669E0C1D-28E8-4F1A-91D8-C7BCD3A75A4F}" dt="2019-07-23T16:56:22.077" v="7801"/>
          <ac:cxnSpMkLst>
            <pc:docMk/>
            <pc:sldMk cId="108548855" sldId="259"/>
            <ac:cxnSpMk id="7363" creationId="{B6AEDE59-6E66-47A3-B886-19D2C50C8EF9}"/>
          </ac:cxnSpMkLst>
        </pc:cxnChg>
        <pc:cxnChg chg="add del mod ord">
          <ac:chgData name="Cara Mazzarini" userId="0e6bb3c30e2f90fe" providerId="LiveId" clId="{669E0C1D-28E8-4F1A-91D8-C7BCD3A75A4F}" dt="2019-07-23T16:56:22.077" v="7799"/>
          <ac:cxnSpMkLst>
            <pc:docMk/>
            <pc:sldMk cId="108548855" sldId="259"/>
            <ac:cxnSpMk id="7364" creationId="{B58A725D-B44C-41E7-BD2C-14A2CBFAAE5C}"/>
          </ac:cxnSpMkLst>
        </pc:cxnChg>
        <pc:cxnChg chg="add del mod ord">
          <ac:chgData name="Cara Mazzarini" userId="0e6bb3c30e2f90fe" providerId="LiveId" clId="{669E0C1D-28E8-4F1A-91D8-C7BCD3A75A4F}" dt="2019-07-23T16:56:22.077" v="7797"/>
          <ac:cxnSpMkLst>
            <pc:docMk/>
            <pc:sldMk cId="108548855" sldId="259"/>
            <ac:cxnSpMk id="7365" creationId="{368AFC53-A8EA-4E75-BF5F-18506EA9FA4C}"/>
          </ac:cxnSpMkLst>
        </pc:cxnChg>
        <pc:cxnChg chg="add del mod ord">
          <ac:chgData name="Cara Mazzarini" userId="0e6bb3c30e2f90fe" providerId="LiveId" clId="{669E0C1D-28E8-4F1A-91D8-C7BCD3A75A4F}" dt="2019-07-23T16:56:22.077" v="7795"/>
          <ac:cxnSpMkLst>
            <pc:docMk/>
            <pc:sldMk cId="108548855" sldId="259"/>
            <ac:cxnSpMk id="7366" creationId="{23C54E08-9758-4D00-BA01-9A38908677BC}"/>
          </ac:cxnSpMkLst>
        </pc:cxnChg>
        <pc:cxnChg chg="add del mod ord">
          <ac:chgData name="Cara Mazzarini" userId="0e6bb3c30e2f90fe" providerId="LiveId" clId="{669E0C1D-28E8-4F1A-91D8-C7BCD3A75A4F}" dt="2019-07-23T16:56:22.077" v="7793"/>
          <ac:cxnSpMkLst>
            <pc:docMk/>
            <pc:sldMk cId="108548855" sldId="259"/>
            <ac:cxnSpMk id="7367" creationId="{07D4BEEF-D374-406F-875C-0B4F4385807E}"/>
          </ac:cxnSpMkLst>
        </pc:cxnChg>
        <pc:cxnChg chg="add del mod ord">
          <ac:chgData name="Cara Mazzarini" userId="0e6bb3c30e2f90fe" providerId="LiveId" clId="{669E0C1D-28E8-4F1A-91D8-C7BCD3A75A4F}" dt="2019-07-23T16:56:22.077" v="7791"/>
          <ac:cxnSpMkLst>
            <pc:docMk/>
            <pc:sldMk cId="108548855" sldId="259"/>
            <ac:cxnSpMk id="7368" creationId="{640684F9-988F-435A-9137-4A09838CC3AC}"/>
          </ac:cxnSpMkLst>
        </pc:cxnChg>
        <pc:cxnChg chg="add del mod ord">
          <ac:chgData name="Cara Mazzarini" userId="0e6bb3c30e2f90fe" providerId="LiveId" clId="{669E0C1D-28E8-4F1A-91D8-C7BCD3A75A4F}" dt="2019-07-23T16:56:22.077" v="7789"/>
          <ac:cxnSpMkLst>
            <pc:docMk/>
            <pc:sldMk cId="108548855" sldId="259"/>
            <ac:cxnSpMk id="7369" creationId="{86EFBA59-610F-430F-87D6-CDBD8CC9791F}"/>
          </ac:cxnSpMkLst>
        </pc:cxnChg>
        <pc:cxnChg chg="add del mod ord">
          <ac:chgData name="Cara Mazzarini" userId="0e6bb3c30e2f90fe" providerId="LiveId" clId="{669E0C1D-28E8-4F1A-91D8-C7BCD3A75A4F}" dt="2019-07-23T16:56:22.077" v="7787"/>
          <ac:cxnSpMkLst>
            <pc:docMk/>
            <pc:sldMk cId="108548855" sldId="259"/>
            <ac:cxnSpMk id="7370" creationId="{E3759B9A-8D2C-42C1-BD58-865DF4DF02DB}"/>
          </ac:cxnSpMkLst>
        </pc:cxnChg>
        <pc:cxnChg chg="add del mod ord">
          <ac:chgData name="Cara Mazzarini" userId="0e6bb3c30e2f90fe" providerId="LiveId" clId="{669E0C1D-28E8-4F1A-91D8-C7BCD3A75A4F}" dt="2019-07-23T16:56:22.077" v="7785"/>
          <ac:cxnSpMkLst>
            <pc:docMk/>
            <pc:sldMk cId="108548855" sldId="259"/>
            <ac:cxnSpMk id="7371" creationId="{6F8900B4-A599-442B-BCC2-656E9D6DE240}"/>
          </ac:cxnSpMkLst>
        </pc:cxnChg>
        <pc:cxnChg chg="add del mod ord">
          <ac:chgData name="Cara Mazzarini" userId="0e6bb3c30e2f90fe" providerId="LiveId" clId="{669E0C1D-28E8-4F1A-91D8-C7BCD3A75A4F}" dt="2019-07-23T16:56:22.077" v="7783"/>
          <ac:cxnSpMkLst>
            <pc:docMk/>
            <pc:sldMk cId="108548855" sldId="259"/>
            <ac:cxnSpMk id="7372" creationId="{D07CA0C1-8EBE-4A09-9EBE-152124A18DD4}"/>
          </ac:cxnSpMkLst>
        </pc:cxnChg>
        <pc:cxnChg chg="add del mod ord">
          <ac:chgData name="Cara Mazzarini" userId="0e6bb3c30e2f90fe" providerId="LiveId" clId="{669E0C1D-28E8-4F1A-91D8-C7BCD3A75A4F}" dt="2019-07-23T16:56:22.077" v="7781"/>
          <ac:cxnSpMkLst>
            <pc:docMk/>
            <pc:sldMk cId="108548855" sldId="259"/>
            <ac:cxnSpMk id="7373" creationId="{351686B7-6606-4CA2-A265-F693D2493192}"/>
          </ac:cxnSpMkLst>
        </pc:cxnChg>
        <pc:cxnChg chg="add del mod ord">
          <ac:chgData name="Cara Mazzarini" userId="0e6bb3c30e2f90fe" providerId="LiveId" clId="{669E0C1D-28E8-4F1A-91D8-C7BCD3A75A4F}" dt="2019-07-23T16:56:22.077" v="7779"/>
          <ac:cxnSpMkLst>
            <pc:docMk/>
            <pc:sldMk cId="108548855" sldId="259"/>
            <ac:cxnSpMk id="7374" creationId="{0C625C1F-BFD1-44E5-B89E-58C6CF22E7C2}"/>
          </ac:cxnSpMkLst>
        </pc:cxnChg>
        <pc:cxnChg chg="add del mod ord">
          <ac:chgData name="Cara Mazzarini" userId="0e6bb3c30e2f90fe" providerId="LiveId" clId="{669E0C1D-28E8-4F1A-91D8-C7BCD3A75A4F}" dt="2019-07-23T16:56:22.077" v="7777"/>
          <ac:cxnSpMkLst>
            <pc:docMk/>
            <pc:sldMk cId="108548855" sldId="259"/>
            <ac:cxnSpMk id="7375" creationId="{A689DC4D-2F54-49AA-9FAB-2FD16C905B72}"/>
          </ac:cxnSpMkLst>
        </pc:cxnChg>
        <pc:cxnChg chg="add del mod ord">
          <ac:chgData name="Cara Mazzarini" userId="0e6bb3c30e2f90fe" providerId="LiveId" clId="{669E0C1D-28E8-4F1A-91D8-C7BCD3A75A4F}" dt="2019-07-23T16:56:22.077" v="7775"/>
          <ac:cxnSpMkLst>
            <pc:docMk/>
            <pc:sldMk cId="108548855" sldId="259"/>
            <ac:cxnSpMk id="7376" creationId="{D62992BE-4B54-4EE9-B078-A85823EA8D0A}"/>
          </ac:cxnSpMkLst>
        </pc:cxnChg>
        <pc:cxnChg chg="add del mod ord">
          <ac:chgData name="Cara Mazzarini" userId="0e6bb3c30e2f90fe" providerId="LiveId" clId="{669E0C1D-28E8-4F1A-91D8-C7BCD3A75A4F}" dt="2019-07-23T16:56:22.077" v="7773"/>
          <ac:cxnSpMkLst>
            <pc:docMk/>
            <pc:sldMk cId="108548855" sldId="259"/>
            <ac:cxnSpMk id="7377" creationId="{CDCC1F02-1082-4B6B-9FB5-E6021C8AF865}"/>
          </ac:cxnSpMkLst>
        </pc:cxnChg>
        <pc:cxnChg chg="add del mod ord">
          <ac:chgData name="Cara Mazzarini" userId="0e6bb3c30e2f90fe" providerId="LiveId" clId="{669E0C1D-28E8-4F1A-91D8-C7BCD3A75A4F}" dt="2019-07-23T16:56:22.077" v="7771"/>
          <ac:cxnSpMkLst>
            <pc:docMk/>
            <pc:sldMk cId="108548855" sldId="259"/>
            <ac:cxnSpMk id="7378" creationId="{28E3882A-A924-4D46-88E8-A0542561E0D5}"/>
          </ac:cxnSpMkLst>
        </pc:cxnChg>
        <pc:cxnChg chg="add del mod ord">
          <ac:chgData name="Cara Mazzarini" userId="0e6bb3c30e2f90fe" providerId="LiveId" clId="{669E0C1D-28E8-4F1A-91D8-C7BCD3A75A4F}" dt="2019-07-23T16:56:22.077" v="7769"/>
          <ac:cxnSpMkLst>
            <pc:docMk/>
            <pc:sldMk cId="108548855" sldId="259"/>
            <ac:cxnSpMk id="7379" creationId="{25A436CF-C627-48D4-BC7D-0C0D3DC4741E}"/>
          </ac:cxnSpMkLst>
        </pc:cxnChg>
        <pc:cxnChg chg="add del mod ord">
          <ac:chgData name="Cara Mazzarini" userId="0e6bb3c30e2f90fe" providerId="LiveId" clId="{669E0C1D-28E8-4F1A-91D8-C7BCD3A75A4F}" dt="2019-07-23T16:56:22.077" v="7767"/>
          <ac:cxnSpMkLst>
            <pc:docMk/>
            <pc:sldMk cId="108548855" sldId="259"/>
            <ac:cxnSpMk id="7380" creationId="{058D4222-2124-4097-9073-BCC3E2B10E1E}"/>
          </ac:cxnSpMkLst>
        </pc:cxnChg>
        <pc:cxnChg chg="add del mod ord">
          <ac:chgData name="Cara Mazzarini" userId="0e6bb3c30e2f90fe" providerId="LiveId" clId="{669E0C1D-28E8-4F1A-91D8-C7BCD3A75A4F}" dt="2019-07-23T16:56:22.077" v="7765"/>
          <ac:cxnSpMkLst>
            <pc:docMk/>
            <pc:sldMk cId="108548855" sldId="259"/>
            <ac:cxnSpMk id="7381" creationId="{6325D196-E0CA-4920-85D7-764D1F0B11E1}"/>
          </ac:cxnSpMkLst>
        </pc:cxnChg>
        <pc:cxnChg chg="add del mod ord">
          <ac:chgData name="Cara Mazzarini" userId="0e6bb3c30e2f90fe" providerId="LiveId" clId="{669E0C1D-28E8-4F1A-91D8-C7BCD3A75A4F}" dt="2019-07-23T16:56:22.077" v="7763"/>
          <ac:cxnSpMkLst>
            <pc:docMk/>
            <pc:sldMk cId="108548855" sldId="259"/>
            <ac:cxnSpMk id="7382" creationId="{96B9CD3E-FBDC-4132-BEF8-7EC53B4E9B5F}"/>
          </ac:cxnSpMkLst>
        </pc:cxnChg>
        <pc:cxnChg chg="add del mod ord">
          <ac:chgData name="Cara Mazzarini" userId="0e6bb3c30e2f90fe" providerId="LiveId" clId="{669E0C1D-28E8-4F1A-91D8-C7BCD3A75A4F}" dt="2019-07-23T16:56:22.077" v="7761"/>
          <ac:cxnSpMkLst>
            <pc:docMk/>
            <pc:sldMk cId="108548855" sldId="259"/>
            <ac:cxnSpMk id="7383" creationId="{9B33B018-CEC1-4F93-BE72-1E4F5DC59C3D}"/>
          </ac:cxnSpMkLst>
        </pc:cxnChg>
        <pc:cxnChg chg="add del mod ord">
          <ac:chgData name="Cara Mazzarini" userId="0e6bb3c30e2f90fe" providerId="LiveId" clId="{669E0C1D-28E8-4F1A-91D8-C7BCD3A75A4F}" dt="2019-07-23T16:56:22.077" v="7759"/>
          <ac:cxnSpMkLst>
            <pc:docMk/>
            <pc:sldMk cId="108548855" sldId="259"/>
            <ac:cxnSpMk id="7384" creationId="{81EDF094-A00A-4F00-B08B-DF451DF0AAF6}"/>
          </ac:cxnSpMkLst>
        </pc:cxnChg>
        <pc:cxnChg chg="add mod ord">
          <ac:chgData name="Cara Mazzarini" userId="0e6bb3c30e2f90fe" providerId="LiveId" clId="{669E0C1D-28E8-4F1A-91D8-C7BCD3A75A4F}" dt="2019-07-23T16:56:22.761" v="8547"/>
          <ac:cxnSpMkLst>
            <pc:docMk/>
            <pc:sldMk cId="108548855" sldId="259"/>
            <ac:cxnSpMk id="7458" creationId="{A4989E24-5CB0-4060-8581-DB6D0446BC56}"/>
          </ac:cxnSpMkLst>
        </pc:cxnChg>
        <pc:cxnChg chg="add mod ord">
          <ac:chgData name="Cara Mazzarini" userId="0e6bb3c30e2f90fe" providerId="LiveId" clId="{669E0C1D-28E8-4F1A-91D8-C7BCD3A75A4F}" dt="2019-07-23T16:56:22.776" v="8564"/>
          <ac:cxnSpMkLst>
            <pc:docMk/>
            <pc:sldMk cId="108548855" sldId="259"/>
            <ac:cxnSpMk id="7459" creationId="{08E4AA78-CBA2-4213-BEC6-770F23881872}"/>
          </ac:cxnSpMkLst>
        </pc:cxnChg>
        <pc:cxnChg chg="add mod ord">
          <ac:chgData name="Cara Mazzarini" userId="0e6bb3c30e2f90fe" providerId="LiveId" clId="{669E0C1D-28E8-4F1A-91D8-C7BCD3A75A4F}" dt="2019-07-23T16:56:22.776" v="8581"/>
          <ac:cxnSpMkLst>
            <pc:docMk/>
            <pc:sldMk cId="108548855" sldId="259"/>
            <ac:cxnSpMk id="7460" creationId="{F8918598-29FC-4387-8EBE-BF5066806CC4}"/>
          </ac:cxnSpMkLst>
        </pc:cxnChg>
        <pc:cxnChg chg="add mod ord">
          <ac:chgData name="Cara Mazzarini" userId="0e6bb3c30e2f90fe" providerId="LiveId" clId="{669E0C1D-28E8-4F1A-91D8-C7BCD3A75A4F}" dt="2019-07-23T16:56:22.776" v="8598"/>
          <ac:cxnSpMkLst>
            <pc:docMk/>
            <pc:sldMk cId="108548855" sldId="259"/>
            <ac:cxnSpMk id="7461" creationId="{BA31968A-FC8E-4140-A895-684E77DB5EC8}"/>
          </ac:cxnSpMkLst>
        </pc:cxnChg>
        <pc:cxnChg chg="add mod ord">
          <ac:chgData name="Cara Mazzarini" userId="0e6bb3c30e2f90fe" providerId="LiveId" clId="{669E0C1D-28E8-4F1A-91D8-C7BCD3A75A4F}" dt="2019-07-23T16:56:22.792" v="8615"/>
          <ac:cxnSpMkLst>
            <pc:docMk/>
            <pc:sldMk cId="108548855" sldId="259"/>
            <ac:cxnSpMk id="7462" creationId="{DED9797E-D0E5-4ADA-A43B-792F7AAC8FBB}"/>
          </ac:cxnSpMkLst>
        </pc:cxnChg>
        <pc:cxnChg chg="add mod ord">
          <ac:chgData name="Cara Mazzarini" userId="0e6bb3c30e2f90fe" providerId="LiveId" clId="{669E0C1D-28E8-4F1A-91D8-C7BCD3A75A4F}" dt="2019-07-23T16:56:22.792" v="8632"/>
          <ac:cxnSpMkLst>
            <pc:docMk/>
            <pc:sldMk cId="108548855" sldId="259"/>
            <ac:cxnSpMk id="7463" creationId="{9D8BCF52-BF87-4EFF-939E-8298AD2CB656}"/>
          </ac:cxnSpMkLst>
        </pc:cxnChg>
        <pc:cxnChg chg="add mod ord">
          <ac:chgData name="Cara Mazzarini" userId="0e6bb3c30e2f90fe" providerId="LiveId" clId="{669E0C1D-28E8-4F1A-91D8-C7BCD3A75A4F}" dt="2019-07-23T16:56:22.792" v="8649"/>
          <ac:cxnSpMkLst>
            <pc:docMk/>
            <pc:sldMk cId="108548855" sldId="259"/>
            <ac:cxnSpMk id="7464" creationId="{F54B410C-6C32-492C-8421-9BCD3C407BC1}"/>
          </ac:cxnSpMkLst>
        </pc:cxnChg>
        <pc:cxnChg chg="add mod ord">
          <ac:chgData name="Cara Mazzarini" userId="0e6bb3c30e2f90fe" providerId="LiveId" clId="{669E0C1D-28E8-4F1A-91D8-C7BCD3A75A4F}" dt="2019-07-23T16:56:22.807" v="8666"/>
          <ac:cxnSpMkLst>
            <pc:docMk/>
            <pc:sldMk cId="108548855" sldId="259"/>
            <ac:cxnSpMk id="7465" creationId="{F7286806-4363-4E47-8B81-686E3EBB321F}"/>
          </ac:cxnSpMkLst>
        </pc:cxnChg>
        <pc:cxnChg chg="add mod ord">
          <ac:chgData name="Cara Mazzarini" userId="0e6bb3c30e2f90fe" providerId="LiveId" clId="{669E0C1D-28E8-4F1A-91D8-C7BCD3A75A4F}" dt="2019-07-23T16:56:22.814" v="8683"/>
          <ac:cxnSpMkLst>
            <pc:docMk/>
            <pc:sldMk cId="108548855" sldId="259"/>
            <ac:cxnSpMk id="7466" creationId="{3B9AA3EF-8D6C-41B5-8E62-55B413EAB769}"/>
          </ac:cxnSpMkLst>
        </pc:cxnChg>
        <pc:cxnChg chg="add mod ord">
          <ac:chgData name="Cara Mazzarini" userId="0e6bb3c30e2f90fe" providerId="LiveId" clId="{669E0C1D-28E8-4F1A-91D8-C7BCD3A75A4F}" dt="2019-07-23T16:56:22.814" v="8700"/>
          <ac:cxnSpMkLst>
            <pc:docMk/>
            <pc:sldMk cId="108548855" sldId="259"/>
            <ac:cxnSpMk id="7467" creationId="{18AF088C-1A78-407C-A100-8402D7D39CA1}"/>
          </ac:cxnSpMkLst>
        </pc:cxnChg>
        <pc:cxnChg chg="add mod ord">
          <ac:chgData name="Cara Mazzarini" userId="0e6bb3c30e2f90fe" providerId="LiveId" clId="{669E0C1D-28E8-4F1A-91D8-C7BCD3A75A4F}" dt="2019-07-23T16:56:22.814" v="8717"/>
          <ac:cxnSpMkLst>
            <pc:docMk/>
            <pc:sldMk cId="108548855" sldId="259"/>
            <ac:cxnSpMk id="7468" creationId="{4D0BE136-52DA-4E66-B6B0-D69CD6249797}"/>
          </ac:cxnSpMkLst>
        </pc:cxnChg>
        <pc:cxnChg chg="add mod ord">
          <ac:chgData name="Cara Mazzarini" userId="0e6bb3c30e2f90fe" providerId="LiveId" clId="{669E0C1D-28E8-4F1A-91D8-C7BCD3A75A4F}" dt="2019-07-23T16:56:22.830" v="8734"/>
          <ac:cxnSpMkLst>
            <pc:docMk/>
            <pc:sldMk cId="108548855" sldId="259"/>
            <ac:cxnSpMk id="7469" creationId="{5D4726D3-1A58-4A5F-8431-205725D5EC37}"/>
          </ac:cxnSpMkLst>
        </pc:cxnChg>
        <pc:cxnChg chg="add mod ord">
          <ac:chgData name="Cara Mazzarini" userId="0e6bb3c30e2f90fe" providerId="LiveId" clId="{669E0C1D-28E8-4F1A-91D8-C7BCD3A75A4F}" dt="2019-07-23T16:56:22.830" v="8751"/>
          <ac:cxnSpMkLst>
            <pc:docMk/>
            <pc:sldMk cId="108548855" sldId="259"/>
            <ac:cxnSpMk id="7470" creationId="{51EC05A5-1FBF-4CEC-B0FC-F52915BCDDF2}"/>
          </ac:cxnSpMkLst>
        </pc:cxnChg>
        <pc:cxnChg chg="add mod ord">
          <ac:chgData name="Cara Mazzarini" userId="0e6bb3c30e2f90fe" providerId="LiveId" clId="{669E0C1D-28E8-4F1A-91D8-C7BCD3A75A4F}" dt="2019-07-23T16:56:22.847" v="8768"/>
          <ac:cxnSpMkLst>
            <pc:docMk/>
            <pc:sldMk cId="108548855" sldId="259"/>
            <ac:cxnSpMk id="7471" creationId="{F1BEDA88-56AB-46A6-9B9E-28D267E535FB}"/>
          </ac:cxnSpMkLst>
        </pc:cxnChg>
        <pc:cxnChg chg="add mod ord">
          <ac:chgData name="Cara Mazzarini" userId="0e6bb3c30e2f90fe" providerId="LiveId" clId="{669E0C1D-28E8-4F1A-91D8-C7BCD3A75A4F}" dt="2019-07-23T16:56:22.854" v="8785"/>
          <ac:cxnSpMkLst>
            <pc:docMk/>
            <pc:sldMk cId="108548855" sldId="259"/>
            <ac:cxnSpMk id="7472" creationId="{024108E8-4EC2-4C0C-8761-BD41B0FCA166}"/>
          </ac:cxnSpMkLst>
        </pc:cxnChg>
        <pc:cxnChg chg="add mod ord">
          <ac:chgData name="Cara Mazzarini" userId="0e6bb3c30e2f90fe" providerId="LiveId" clId="{669E0C1D-28E8-4F1A-91D8-C7BCD3A75A4F}" dt="2019-07-23T16:56:22.861" v="8802"/>
          <ac:cxnSpMkLst>
            <pc:docMk/>
            <pc:sldMk cId="108548855" sldId="259"/>
            <ac:cxnSpMk id="7473" creationId="{E6985D84-4130-4F8D-9919-0A7EDD7ABBEF}"/>
          </ac:cxnSpMkLst>
        </pc:cxnChg>
        <pc:cxnChg chg="add mod ord">
          <ac:chgData name="Cara Mazzarini" userId="0e6bb3c30e2f90fe" providerId="LiveId" clId="{669E0C1D-28E8-4F1A-91D8-C7BCD3A75A4F}" dt="2019-07-23T16:56:22.867" v="8819"/>
          <ac:cxnSpMkLst>
            <pc:docMk/>
            <pc:sldMk cId="108548855" sldId="259"/>
            <ac:cxnSpMk id="7474" creationId="{72656F3D-566A-4EFD-A3DD-B62BDEA7B6D7}"/>
          </ac:cxnSpMkLst>
        </pc:cxnChg>
        <pc:cxnChg chg="add mod ord">
          <ac:chgData name="Cara Mazzarini" userId="0e6bb3c30e2f90fe" providerId="LiveId" clId="{669E0C1D-28E8-4F1A-91D8-C7BCD3A75A4F}" dt="2019-07-23T16:56:22.873" v="8836"/>
          <ac:cxnSpMkLst>
            <pc:docMk/>
            <pc:sldMk cId="108548855" sldId="259"/>
            <ac:cxnSpMk id="7475" creationId="{E7B011C2-9EA3-4BD2-8D00-ED07ED64ED46}"/>
          </ac:cxnSpMkLst>
        </pc:cxnChg>
        <pc:cxnChg chg="add mod ord">
          <ac:chgData name="Cara Mazzarini" userId="0e6bb3c30e2f90fe" providerId="LiveId" clId="{669E0C1D-28E8-4F1A-91D8-C7BCD3A75A4F}" dt="2019-07-23T16:56:22.875" v="8853"/>
          <ac:cxnSpMkLst>
            <pc:docMk/>
            <pc:sldMk cId="108548855" sldId="259"/>
            <ac:cxnSpMk id="7476" creationId="{E41C6E98-61F3-49F9-9B77-E86BB756A244}"/>
          </ac:cxnSpMkLst>
        </pc:cxnChg>
        <pc:cxnChg chg="add mod ord">
          <ac:chgData name="Cara Mazzarini" userId="0e6bb3c30e2f90fe" providerId="LiveId" clId="{669E0C1D-28E8-4F1A-91D8-C7BCD3A75A4F}" dt="2019-07-23T16:56:22.875" v="8870"/>
          <ac:cxnSpMkLst>
            <pc:docMk/>
            <pc:sldMk cId="108548855" sldId="259"/>
            <ac:cxnSpMk id="7477" creationId="{F5EB8E25-FDC5-4D5D-95BD-BF80E83D5ABA}"/>
          </ac:cxnSpMkLst>
        </pc:cxnChg>
        <pc:cxnChg chg="add mod ord">
          <ac:chgData name="Cara Mazzarini" userId="0e6bb3c30e2f90fe" providerId="LiveId" clId="{669E0C1D-28E8-4F1A-91D8-C7BCD3A75A4F}" dt="2019-07-23T16:56:22.875" v="8887"/>
          <ac:cxnSpMkLst>
            <pc:docMk/>
            <pc:sldMk cId="108548855" sldId="259"/>
            <ac:cxnSpMk id="7478" creationId="{D78B3280-7A6D-41F6-BAE6-36D7BE24EB1C}"/>
          </ac:cxnSpMkLst>
        </pc:cxnChg>
        <pc:cxnChg chg="add mod ord">
          <ac:chgData name="Cara Mazzarini" userId="0e6bb3c30e2f90fe" providerId="LiveId" clId="{669E0C1D-28E8-4F1A-91D8-C7BCD3A75A4F}" dt="2019-07-23T16:56:22.891" v="8904"/>
          <ac:cxnSpMkLst>
            <pc:docMk/>
            <pc:sldMk cId="108548855" sldId="259"/>
            <ac:cxnSpMk id="7479" creationId="{EE259B46-D4A2-4099-91BF-8FBD7B64484B}"/>
          </ac:cxnSpMkLst>
        </pc:cxnChg>
        <pc:cxnChg chg="add mod ord">
          <ac:chgData name="Cara Mazzarini" userId="0e6bb3c30e2f90fe" providerId="LiveId" clId="{669E0C1D-28E8-4F1A-91D8-C7BCD3A75A4F}" dt="2019-07-23T16:56:22.891" v="8921"/>
          <ac:cxnSpMkLst>
            <pc:docMk/>
            <pc:sldMk cId="108548855" sldId="259"/>
            <ac:cxnSpMk id="7480" creationId="{1BEBFF1D-F969-4B05-925B-F3C27E66358E}"/>
          </ac:cxnSpMkLst>
        </pc:cxnChg>
      </pc:sldChg>
      <pc:sldChg chg="modSp">
        <pc:chgData name="Cara Mazzarini" userId="0e6bb3c30e2f90fe" providerId="LiveId" clId="{669E0C1D-28E8-4F1A-91D8-C7BCD3A75A4F}" dt="2019-07-23T16:36:47.687" v="71" actId="20577"/>
        <pc:sldMkLst>
          <pc:docMk/>
          <pc:sldMk cId="2211740624" sldId="356"/>
        </pc:sldMkLst>
        <pc:spChg chg="mod">
          <ac:chgData name="Cara Mazzarini" userId="0e6bb3c30e2f90fe" providerId="LiveId" clId="{669E0C1D-28E8-4F1A-91D8-C7BCD3A75A4F}" dt="2019-07-23T16:36:47.687" v="71" actId="20577"/>
          <ac:spMkLst>
            <pc:docMk/>
            <pc:sldMk cId="2211740624" sldId="356"/>
            <ac:spMk id="4" creationId="{4DE29779-500F-4FB4-B170-8F3A6D64123C}"/>
          </ac:spMkLst>
        </pc:spChg>
        <pc:spChg chg="mod">
          <ac:chgData name="Cara Mazzarini" userId="0e6bb3c30e2f90fe" providerId="LiveId" clId="{669E0C1D-28E8-4F1A-91D8-C7BCD3A75A4F}" dt="2019-07-23T16:35:50.059" v="13" actId="20577"/>
          <ac:spMkLst>
            <pc:docMk/>
            <pc:sldMk cId="2211740624" sldId="356"/>
            <ac:spMk id="5" creationId="{15AB722A-7C2B-4A6F-B6FD-825B4E4AC9AC}"/>
          </ac:spMkLst>
        </pc:spChg>
        <pc:picChg chg="mod">
          <ac:chgData name="Cara Mazzarini" userId="0e6bb3c30e2f90fe" providerId="LiveId" clId="{669E0C1D-28E8-4F1A-91D8-C7BCD3A75A4F}" dt="2019-07-23T16:36:33.439" v="18" actId="1076"/>
          <ac:picMkLst>
            <pc:docMk/>
            <pc:sldMk cId="2211740624" sldId="356"/>
            <ac:picMk id="6" creationId="{33109C61-720E-4872-8B40-520BEBD79D19}"/>
          </ac:picMkLst>
        </pc:picChg>
      </pc:sld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3_4">
  <dgm:title val=""/>
  <dgm:desc val=""/>
  <dgm:catLst>
    <dgm:cat type="accent3" pri="11400"/>
  </dgm:catLst>
  <dgm:styleLbl name="node0">
    <dgm:fillClrLst meth="cycle">
      <a:schemeClr val="accent3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3">
        <a:shade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3">
        <a:shade val="50000"/>
      </a:schemeClr>
      <a:schemeClr val="accent3">
        <a:tint val="55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/>
    <dgm:txEffectClrLst/>
  </dgm:styleLbl>
  <dgm:styleLbl name="lnNode1">
    <dgm:fillClrLst meth="cycle">
      <a:schemeClr val="accent3">
        <a:shade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3">
        <a:shade val="80000"/>
        <a:alpha val="50000"/>
      </a:schemeClr>
      <a:schemeClr val="accent3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3">
        <a:shade val="90000"/>
      </a:schemeClr>
      <a:schemeClr val="accent3">
        <a:tint val="50000"/>
      </a:schemeClr>
    </dgm:fillClrLst>
    <dgm:linClrLst meth="cycle">
      <a:schemeClr val="accent3">
        <a:shade val="90000"/>
      </a:schemeClr>
      <a:schemeClr val="accent3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3">
        <a:shade val="90000"/>
      </a:schemeClr>
      <a:schemeClr val="accent3">
        <a:tint val="50000"/>
      </a:schemeClr>
    </dgm:fillClrLst>
    <dgm:linClrLst meth="cycle">
      <a:schemeClr val="accent3">
        <a:shade val="90000"/>
      </a:schemeClr>
      <a:schemeClr val="accent3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3">
        <a:shade val="90000"/>
      </a:schemeClr>
      <a:schemeClr val="accent3">
        <a:tint val="50000"/>
      </a:schemeClr>
    </dgm:fillClrLst>
    <dgm:linClrLst meth="cycle">
      <a:schemeClr val="accent3">
        <a:shade val="90000"/>
      </a:schemeClr>
      <a:schemeClr val="accent3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3">
        <a:shade val="90000"/>
      </a:schemeClr>
      <a:schemeClr val="accent3">
        <a:tint val="50000"/>
      </a:schemeClr>
    </dgm:fillClrLst>
    <dgm:linClrLst meth="cycle">
      <a:schemeClr val="accent3">
        <a:shade val="90000"/>
      </a:schemeClr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3">
        <a:tint val="90000"/>
      </a:schemeClr>
    </dgm:fillClrLst>
    <dgm:linClrLst meth="repeat">
      <a:schemeClr val="accent3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3">
        <a:tint val="70000"/>
      </a:schemeClr>
    </dgm:fillClrLst>
    <dgm:linClrLst meth="repeat">
      <a:schemeClr val="accent3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3">
        <a:tint val="50000"/>
      </a:schemeClr>
    </dgm:fillClrLst>
    <dgm:linClrLst meth="repeat">
      <a:schemeClr val="accent3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3">
        <a:shade val="8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3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>
        <a:tint val="70000"/>
      </a:schemeClr>
    </dgm:fillClrLst>
    <dgm:linClrLst meth="repeat">
      <a:schemeClr val="accent3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>
        <a:tint val="50000"/>
      </a:schemeClr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3">
        <a:alpha val="90000"/>
        <a:tint val="55000"/>
      </a:schemeClr>
    </dgm:fillClrLst>
    <dgm:linClrLst meth="repeat">
      <a:schemeClr val="accent3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3">
        <a:alpha val="90000"/>
        <a:tint val="55000"/>
      </a:schemeClr>
    </dgm:fillClrLst>
    <dgm:linClrLst meth="repeat">
      <a:schemeClr val="accent3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3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3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3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55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8676E21-92FB-4F1F-BB31-9D961FBA5F71}" type="doc">
      <dgm:prSet loTypeId="urn:microsoft.com/office/officeart/2005/8/layout/chevron2" loCatId="process" qsTypeId="urn:microsoft.com/office/officeart/2005/8/quickstyle/simple3" qsCatId="simple" csTypeId="urn:microsoft.com/office/officeart/2005/8/colors/accent3_4" csCatId="accent3" phldr="1"/>
      <dgm:spPr/>
      <dgm:t>
        <a:bodyPr/>
        <a:lstStyle/>
        <a:p>
          <a:endParaRPr lang="en-US"/>
        </a:p>
      </dgm:t>
    </dgm:pt>
    <dgm:pt modelId="{F7BD2B79-D053-46E7-A558-3EA230FCA012}">
      <dgm:prSet phldrT="[Text]" custT="1"/>
      <dgm:spPr/>
      <dgm:t>
        <a:bodyPr/>
        <a:lstStyle/>
        <a:p>
          <a:r>
            <a:rPr lang="en-US" sz="2000" dirty="0"/>
            <a:t>Bi-Week</a:t>
          </a:r>
        </a:p>
      </dgm:t>
    </dgm:pt>
    <dgm:pt modelId="{2633E58A-F0DA-4795-8F63-8FE57BC3E4B5}" type="parTrans" cxnId="{3BA67338-4D4E-443F-8C4A-3D3A6906FA68}">
      <dgm:prSet/>
      <dgm:spPr/>
      <dgm:t>
        <a:bodyPr/>
        <a:lstStyle/>
        <a:p>
          <a:endParaRPr lang="en-US" sz="1800"/>
        </a:p>
      </dgm:t>
    </dgm:pt>
    <dgm:pt modelId="{D904E83D-C112-409F-BAC0-26859392ABA7}" type="sibTrans" cxnId="{3BA67338-4D4E-443F-8C4A-3D3A6906FA68}">
      <dgm:prSet/>
      <dgm:spPr/>
      <dgm:t>
        <a:bodyPr/>
        <a:lstStyle/>
        <a:p>
          <a:endParaRPr lang="en-US" sz="1800"/>
        </a:p>
      </dgm:t>
    </dgm:pt>
    <dgm:pt modelId="{DB4591B7-7898-48F6-B3B5-4E049AA1CCAA}">
      <dgm:prSet phldrT="[Text]" custT="1"/>
      <dgm:spPr/>
      <dgm:t>
        <a:bodyPr/>
        <a:lstStyle/>
        <a:p>
          <a:r>
            <a:rPr lang="en-US" sz="1600" dirty="0"/>
            <a:t>No deliverable documents</a:t>
          </a:r>
        </a:p>
      </dgm:t>
    </dgm:pt>
    <dgm:pt modelId="{5A6D3819-B087-4769-9D03-831FCD5741F6}" type="parTrans" cxnId="{492B83DE-203C-4D3E-81BA-A2D8A6F97942}">
      <dgm:prSet/>
      <dgm:spPr/>
      <dgm:t>
        <a:bodyPr/>
        <a:lstStyle/>
        <a:p>
          <a:endParaRPr lang="en-US" sz="1800"/>
        </a:p>
      </dgm:t>
    </dgm:pt>
    <dgm:pt modelId="{83911A9E-4953-4F94-B8A6-AF0140196BB7}" type="sibTrans" cxnId="{492B83DE-203C-4D3E-81BA-A2D8A6F97942}">
      <dgm:prSet/>
      <dgm:spPr/>
      <dgm:t>
        <a:bodyPr/>
        <a:lstStyle/>
        <a:p>
          <a:endParaRPr lang="en-US" sz="1800"/>
        </a:p>
      </dgm:t>
    </dgm:pt>
    <dgm:pt modelId="{13613B2D-DFEE-47E1-85B9-336D06E49B37}">
      <dgm:prSet phldrT="[Text]" custT="1"/>
      <dgm:spPr/>
      <dgm:t>
        <a:bodyPr/>
        <a:lstStyle/>
        <a:p>
          <a:r>
            <a:rPr lang="en-US" sz="2000" dirty="0"/>
            <a:t>Monthly</a:t>
          </a:r>
        </a:p>
      </dgm:t>
    </dgm:pt>
    <dgm:pt modelId="{5894F49A-BF83-483D-95D3-72EE70D32E82}" type="parTrans" cxnId="{A682D7EE-DE2C-47FD-8B8B-E4752D862054}">
      <dgm:prSet/>
      <dgm:spPr/>
      <dgm:t>
        <a:bodyPr/>
        <a:lstStyle/>
        <a:p>
          <a:endParaRPr lang="en-US" sz="1800"/>
        </a:p>
      </dgm:t>
    </dgm:pt>
    <dgm:pt modelId="{73E71B57-DB7E-4086-BD93-42520327C57F}" type="sibTrans" cxnId="{A682D7EE-DE2C-47FD-8B8B-E4752D862054}">
      <dgm:prSet/>
      <dgm:spPr/>
      <dgm:t>
        <a:bodyPr/>
        <a:lstStyle/>
        <a:p>
          <a:endParaRPr lang="en-US" sz="1800"/>
        </a:p>
      </dgm:t>
    </dgm:pt>
    <dgm:pt modelId="{AA750612-F648-4FC5-9D2D-E764B055A567}">
      <dgm:prSet phldrT="[Text]" custT="1"/>
      <dgm:spPr/>
      <dgm:t>
        <a:bodyPr/>
        <a:lstStyle/>
        <a:p>
          <a:pPr>
            <a:buFont typeface="Wingdings" panose="05000000000000000000" pitchFamily="2" charset="2"/>
            <a:buChar char="v"/>
          </a:pPr>
          <a:r>
            <a:rPr lang="en-US" sz="1600" dirty="0"/>
            <a:t>Annual Financial (SF425) [</a:t>
          </a:r>
          <a:r>
            <a:rPr lang="en-US" sz="1600" i="1" dirty="0"/>
            <a:t>1/15  - covers previous calendar year</a:t>
          </a:r>
          <a:r>
            <a:rPr lang="en-US" sz="1600" dirty="0"/>
            <a:t>] </a:t>
          </a:r>
        </a:p>
      </dgm:t>
    </dgm:pt>
    <dgm:pt modelId="{3279027D-3D9B-4231-8E36-5A5120957F0E}" type="parTrans" cxnId="{9630EB7C-0969-4DBA-8F39-642D6994CDAD}">
      <dgm:prSet/>
      <dgm:spPr/>
      <dgm:t>
        <a:bodyPr/>
        <a:lstStyle/>
        <a:p>
          <a:endParaRPr lang="en-US" sz="1800"/>
        </a:p>
      </dgm:t>
    </dgm:pt>
    <dgm:pt modelId="{B84CD0D9-D08E-482E-AF97-67E07D636420}" type="sibTrans" cxnId="{9630EB7C-0969-4DBA-8F39-642D6994CDAD}">
      <dgm:prSet/>
      <dgm:spPr/>
      <dgm:t>
        <a:bodyPr/>
        <a:lstStyle/>
        <a:p>
          <a:endParaRPr lang="en-US" sz="1800"/>
        </a:p>
      </dgm:t>
    </dgm:pt>
    <dgm:pt modelId="{27A33880-5F5B-4520-AE6B-3A52A1E7926F}">
      <dgm:prSet phldrT="[Text]" custT="1"/>
      <dgm:spPr/>
      <dgm:t>
        <a:bodyPr/>
        <a:lstStyle/>
        <a:p>
          <a:r>
            <a:rPr lang="en-US" sz="2000" dirty="0"/>
            <a:t>Final</a:t>
          </a:r>
        </a:p>
      </dgm:t>
    </dgm:pt>
    <dgm:pt modelId="{21108ED5-4D26-4500-A048-E0EC09C31275}" type="parTrans" cxnId="{833EABFF-D859-4CBF-847E-666E66CA7843}">
      <dgm:prSet/>
      <dgm:spPr/>
      <dgm:t>
        <a:bodyPr/>
        <a:lstStyle/>
        <a:p>
          <a:endParaRPr lang="en-US" sz="1800"/>
        </a:p>
      </dgm:t>
    </dgm:pt>
    <dgm:pt modelId="{7E14CB6A-0889-4F65-B613-48BECBF45834}" type="sibTrans" cxnId="{833EABFF-D859-4CBF-847E-666E66CA7843}">
      <dgm:prSet/>
      <dgm:spPr/>
      <dgm:t>
        <a:bodyPr/>
        <a:lstStyle/>
        <a:p>
          <a:endParaRPr lang="en-US" sz="1800"/>
        </a:p>
      </dgm:t>
    </dgm:pt>
    <dgm:pt modelId="{3D899EC2-898A-40D1-B46D-E730517C4968}">
      <dgm:prSet phldrT="[Text]" custT="1"/>
      <dgm:spPr/>
      <dgm:t>
        <a:bodyPr/>
        <a:lstStyle/>
        <a:p>
          <a:r>
            <a:rPr lang="en-US" sz="1600" dirty="0"/>
            <a:t>Final Report</a:t>
          </a:r>
        </a:p>
      </dgm:t>
    </dgm:pt>
    <dgm:pt modelId="{81CFD39B-A55E-4C93-B2BD-AC414E6A204E}" type="parTrans" cxnId="{5796C652-AEE8-4940-8FC8-136C0FCB7A5A}">
      <dgm:prSet/>
      <dgm:spPr/>
      <dgm:t>
        <a:bodyPr/>
        <a:lstStyle/>
        <a:p>
          <a:endParaRPr lang="en-US" sz="1800"/>
        </a:p>
      </dgm:t>
    </dgm:pt>
    <dgm:pt modelId="{5C076CBB-A2BA-40C9-8D53-C8C35713F6D7}" type="sibTrans" cxnId="{5796C652-AEE8-4940-8FC8-136C0FCB7A5A}">
      <dgm:prSet/>
      <dgm:spPr/>
      <dgm:t>
        <a:bodyPr/>
        <a:lstStyle/>
        <a:p>
          <a:endParaRPr lang="en-US" sz="1800"/>
        </a:p>
      </dgm:t>
    </dgm:pt>
    <dgm:pt modelId="{12646D12-495B-4507-9312-EEE262D0D4C5}">
      <dgm:prSet phldrT="[Text]" custT="1"/>
      <dgm:spPr/>
      <dgm:t>
        <a:bodyPr/>
        <a:lstStyle/>
        <a:p>
          <a:r>
            <a:rPr lang="en-US" sz="1600" dirty="0"/>
            <a:t>Final Financial Report (SF425)</a:t>
          </a:r>
        </a:p>
      </dgm:t>
    </dgm:pt>
    <dgm:pt modelId="{B5901E82-AE52-4B12-AA38-9109A4853C45}" type="parTrans" cxnId="{921D2E33-2D17-452A-AA0B-0201EFBE51E3}">
      <dgm:prSet/>
      <dgm:spPr/>
      <dgm:t>
        <a:bodyPr/>
        <a:lstStyle/>
        <a:p>
          <a:endParaRPr lang="en-US" sz="1800"/>
        </a:p>
      </dgm:t>
    </dgm:pt>
    <dgm:pt modelId="{A75C1E7B-A28F-4D0F-A7F0-BFC432900609}" type="sibTrans" cxnId="{921D2E33-2D17-452A-AA0B-0201EFBE51E3}">
      <dgm:prSet/>
      <dgm:spPr/>
      <dgm:t>
        <a:bodyPr/>
        <a:lstStyle/>
        <a:p>
          <a:endParaRPr lang="en-US" sz="1800"/>
        </a:p>
      </dgm:t>
    </dgm:pt>
    <dgm:pt modelId="{232A24FA-4B80-485D-85B0-5AF0C70EC7FD}">
      <dgm:prSet phldrT="[Text]" custT="1"/>
      <dgm:spPr/>
      <dgm:t>
        <a:bodyPr/>
        <a:lstStyle/>
        <a:p>
          <a:r>
            <a:rPr lang="en-US" sz="1600" dirty="0"/>
            <a:t>Invention Disclosures etc.</a:t>
          </a:r>
        </a:p>
      </dgm:t>
    </dgm:pt>
    <dgm:pt modelId="{145E3814-86AA-4B58-894D-D28679DAECC3}" type="parTrans" cxnId="{F2976100-AAD8-4390-9A61-86B012528098}">
      <dgm:prSet/>
      <dgm:spPr/>
      <dgm:t>
        <a:bodyPr/>
        <a:lstStyle/>
        <a:p>
          <a:endParaRPr lang="en-US" sz="1800"/>
        </a:p>
      </dgm:t>
    </dgm:pt>
    <dgm:pt modelId="{9E630572-F9C9-4BC0-9F7B-0AE4AC072B56}" type="sibTrans" cxnId="{F2976100-AAD8-4390-9A61-86B012528098}">
      <dgm:prSet/>
      <dgm:spPr/>
      <dgm:t>
        <a:bodyPr/>
        <a:lstStyle/>
        <a:p>
          <a:endParaRPr lang="en-US" sz="1800"/>
        </a:p>
      </dgm:t>
    </dgm:pt>
    <dgm:pt modelId="{6461DDC1-6B35-4D3F-957F-1F383B2CF077}">
      <dgm:prSet phldrT="[Text]" custT="1"/>
      <dgm:spPr/>
      <dgm:t>
        <a:bodyPr/>
        <a:lstStyle/>
        <a:p>
          <a:r>
            <a:rPr lang="en-US" sz="1600" dirty="0"/>
            <a:t>Final demo &amp; presentation</a:t>
          </a:r>
        </a:p>
      </dgm:t>
    </dgm:pt>
    <dgm:pt modelId="{153FA284-728C-4021-835A-047AB8C38411}" type="parTrans" cxnId="{8063ABD6-0EEA-4A7D-9876-7E56219E3EF2}">
      <dgm:prSet/>
      <dgm:spPr/>
      <dgm:t>
        <a:bodyPr/>
        <a:lstStyle/>
        <a:p>
          <a:endParaRPr lang="en-US" sz="1800"/>
        </a:p>
      </dgm:t>
    </dgm:pt>
    <dgm:pt modelId="{73696726-AD77-4E2F-935A-6DD274B149F6}" type="sibTrans" cxnId="{8063ABD6-0EEA-4A7D-9876-7E56219E3EF2}">
      <dgm:prSet/>
      <dgm:spPr/>
      <dgm:t>
        <a:bodyPr/>
        <a:lstStyle/>
        <a:p>
          <a:endParaRPr lang="en-US" sz="1800"/>
        </a:p>
      </dgm:t>
    </dgm:pt>
    <dgm:pt modelId="{7BB33CFE-4E79-4560-8C1C-12902053D545}">
      <dgm:prSet phldrT="[Text]" custT="1"/>
      <dgm:spPr/>
      <dgm:t>
        <a:bodyPr/>
        <a:lstStyle/>
        <a:p>
          <a:r>
            <a:rPr lang="en-US" sz="1600" dirty="0"/>
            <a:t>Monthly Report</a:t>
          </a:r>
        </a:p>
      </dgm:t>
    </dgm:pt>
    <dgm:pt modelId="{C30A1A8C-A406-41D3-87A7-885661AB8C1D}" type="parTrans" cxnId="{28D4EFDA-4922-464A-8426-37EBCEEAD3E0}">
      <dgm:prSet/>
      <dgm:spPr/>
      <dgm:t>
        <a:bodyPr/>
        <a:lstStyle/>
        <a:p>
          <a:endParaRPr lang="en-US"/>
        </a:p>
      </dgm:t>
    </dgm:pt>
    <dgm:pt modelId="{BC429E24-D5BC-41F8-B2D5-5977B78FF385}" type="sibTrans" cxnId="{28D4EFDA-4922-464A-8426-37EBCEEAD3E0}">
      <dgm:prSet/>
      <dgm:spPr/>
      <dgm:t>
        <a:bodyPr/>
        <a:lstStyle/>
        <a:p>
          <a:endParaRPr lang="en-US"/>
        </a:p>
      </dgm:t>
    </dgm:pt>
    <dgm:pt modelId="{36E0B798-A0B4-4A47-A423-2AE0547A10EE}">
      <dgm:prSet phldrT="[Text]" custT="1"/>
      <dgm:spPr/>
      <dgm:t>
        <a:bodyPr/>
        <a:lstStyle/>
        <a:p>
          <a:r>
            <a:rPr lang="en-US" sz="1600" dirty="0"/>
            <a:t>POAM Updates</a:t>
          </a:r>
        </a:p>
      </dgm:t>
    </dgm:pt>
    <dgm:pt modelId="{394ED027-7752-4D82-B356-314507D8C871}" type="parTrans" cxnId="{92FF50FC-755C-42EB-BEB4-7D2A60CC0EB1}">
      <dgm:prSet/>
      <dgm:spPr/>
      <dgm:t>
        <a:bodyPr/>
        <a:lstStyle/>
        <a:p>
          <a:endParaRPr lang="en-US"/>
        </a:p>
      </dgm:t>
    </dgm:pt>
    <dgm:pt modelId="{C347FD81-D222-4D19-95E7-F2E22FEF7751}" type="sibTrans" cxnId="{92FF50FC-755C-42EB-BEB4-7D2A60CC0EB1}">
      <dgm:prSet/>
      <dgm:spPr/>
      <dgm:t>
        <a:bodyPr/>
        <a:lstStyle/>
        <a:p>
          <a:endParaRPr lang="en-US"/>
        </a:p>
      </dgm:t>
    </dgm:pt>
    <dgm:pt modelId="{3C380C7C-E7C7-467D-97A0-F6952D62736D}">
      <dgm:prSet phldrT="[Text]" custT="1"/>
      <dgm:spPr/>
      <dgm:t>
        <a:bodyPr/>
        <a:lstStyle/>
        <a:p>
          <a:r>
            <a:rPr lang="en-US" sz="1600" dirty="0"/>
            <a:t>Quad Chart</a:t>
          </a:r>
        </a:p>
      </dgm:t>
    </dgm:pt>
    <dgm:pt modelId="{5DDFAB50-0DB8-4437-BD00-7709A12DBCA4}" type="parTrans" cxnId="{D90A131F-C14E-474D-B8D9-268882458BF2}">
      <dgm:prSet/>
      <dgm:spPr/>
      <dgm:t>
        <a:bodyPr/>
        <a:lstStyle/>
        <a:p>
          <a:endParaRPr lang="en-US"/>
        </a:p>
      </dgm:t>
    </dgm:pt>
    <dgm:pt modelId="{5377638F-33C5-497F-A775-7BBBCBC4FCAB}" type="sibTrans" cxnId="{D90A131F-C14E-474D-B8D9-268882458BF2}">
      <dgm:prSet/>
      <dgm:spPr/>
      <dgm:t>
        <a:bodyPr/>
        <a:lstStyle/>
        <a:p>
          <a:endParaRPr lang="en-US"/>
        </a:p>
      </dgm:t>
    </dgm:pt>
    <dgm:pt modelId="{42651E21-DB9B-4119-BB9D-15E7D8C43867}">
      <dgm:prSet phldrT="[Text]" custT="1"/>
      <dgm:spPr/>
      <dgm:t>
        <a:bodyPr/>
        <a:lstStyle/>
        <a:p>
          <a:endParaRPr lang="en-US" sz="1600" dirty="0"/>
        </a:p>
      </dgm:t>
    </dgm:pt>
    <dgm:pt modelId="{C68F007B-38A5-4FDB-B0BE-D2097A1B40CF}" type="parTrans" cxnId="{BC635711-CC91-4ED9-B0FF-5987C1D58FD5}">
      <dgm:prSet/>
      <dgm:spPr/>
      <dgm:t>
        <a:bodyPr/>
        <a:lstStyle/>
        <a:p>
          <a:endParaRPr lang="en-US"/>
        </a:p>
      </dgm:t>
    </dgm:pt>
    <dgm:pt modelId="{EA61168F-085C-4F4C-9B49-CDC789013C1C}" type="sibTrans" cxnId="{BC635711-CC91-4ED9-B0FF-5987C1D58FD5}">
      <dgm:prSet/>
      <dgm:spPr/>
      <dgm:t>
        <a:bodyPr/>
        <a:lstStyle/>
        <a:p>
          <a:endParaRPr lang="en-US"/>
        </a:p>
      </dgm:t>
    </dgm:pt>
    <dgm:pt modelId="{694AA01A-D3BC-42DF-87EC-389C829C0D87}">
      <dgm:prSet phldrT="[Text]" custT="1"/>
      <dgm:spPr/>
      <dgm:t>
        <a:bodyPr/>
        <a:lstStyle/>
        <a:p>
          <a:r>
            <a:rPr lang="en-US" sz="1600" dirty="0"/>
            <a:t>15 minute phone call, responsibilities covered in “Bi-Weekly Agenda”</a:t>
          </a:r>
        </a:p>
      </dgm:t>
    </dgm:pt>
    <dgm:pt modelId="{B5B52929-1627-4C05-BEB7-4E42EFF085C2}" type="parTrans" cxnId="{898D65AD-9C6F-45BE-9A6F-296F52D3E0FB}">
      <dgm:prSet/>
      <dgm:spPr/>
      <dgm:t>
        <a:bodyPr/>
        <a:lstStyle/>
        <a:p>
          <a:endParaRPr lang="en-US"/>
        </a:p>
      </dgm:t>
    </dgm:pt>
    <dgm:pt modelId="{620BF429-BDA7-4195-82CD-3AD4C70DDF71}" type="sibTrans" cxnId="{898D65AD-9C6F-45BE-9A6F-296F52D3E0FB}">
      <dgm:prSet/>
      <dgm:spPr/>
      <dgm:t>
        <a:bodyPr/>
        <a:lstStyle/>
        <a:p>
          <a:endParaRPr lang="en-US"/>
        </a:p>
      </dgm:t>
    </dgm:pt>
    <dgm:pt modelId="{69AC1517-C9FF-4535-AAE0-6AAE0128C179}">
      <dgm:prSet phldrT="[Text]" custT="1"/>
      <dgm:spPr/>
      <dgm:t>
        <a:bodyPr/>
        <a:lstStyle/>
        <a:p>
          <a:r>
            <a:rPr lang="en-US" sz="1600" dirty="0"/>
            <a:t>Cost Share</a:t>
          </a:r>
        </a:p>
      </dgm:t>
    </dgm:pt>
    <dgm:pt modelId="{E85F970F-56A7-44A7-8DD2-0B3339AD6310}" type="parTrans" cxnId="{9677C1D4-9043-4A35-BE49-64E8A35E72D7}">
      <dgm:prSet/>
      <dgm:spPr/>
      <dgm:t>
        <a:bodyPr/>
        <a:lstStyle/>
        <a:p>
          <a:endParaRPr lang="en-US"/>
        </a:p>
      </dgm:t>
    </dgm:pt>
    <dgm:pt modelId="{874A24F6-037B-429F-9D95-4AB1DE050922}" type="sibTrans" cxnId="{9677C1D4-9043-4A35-BE49-64E8A35E72D7}">
      <dgm:prSet/>
      <dgm:spPr/>
      <dgm:t>
        <a:bodyPr/>
        <a:lstStyle/>
        <a:p>
          <a:endParaRPr lang="en-US"/>
        </a:p>
      </dgm:t>
    </dgm:pt>
    <dgm:pt modelId="{665EEB34-7098-4358-88B3-19DD703C66F9}">
      <dgm:prSet phldrT="[Text]" custT="1"/>
      <dgm:spPr/>
      <dgm:t>
        <a:bodyPr/>
        <a:lstStyle/>
        <a:p>
          <a:pPr>
            <a:buFont typeface="Courier New" panose="02070309020205020404" pitchFamily="49" charset="0"/>
            <a:buChar char="o"/>
          </a:pPr>
          <a:r>
            <a:rPr lang="en-US" sz="1600" dirty="0"/>
            <a:t>*Mid-Program Review Presentation*</a:t>
          </a:r>
        </a:p>
      </dgm:t>
    </dgm:pt>
    <dgm:pt modelId="{77C91012-FD9F-42ED-94F9-89D34FAE684F}" type="parTrans" cxnId="{5FD90245-DA83-4987-99BE-19CC675A6970}">
      <dgm:prSet/>
      <dgm:spPr/>
      <dgm:t>
        <a:bodyPr/>
        <a:lstStyle/>
        <a:p>
          <a:endParaRPr lang="en-US"/>
        </a:p>
      </dgm:t>
    </dgm:pt>
    <dgm:pt modelId="{363328D1-9332-48CD-8329-4C99745C7897}" type="sibTrans" cxnId="{5FD90245-DA83-4987-99BE-19CC675A6970}">
      <dgm:prSet/>
      <dgm:spPr/>
      <dgm:t>
        <a:bodyPr/>
        <a:lstStyle/>
        <a:p>
          <a:endParaRPr lang="en-US"/>
        </a:p>
      </dgm:t>
    </dgm:pt>
    <dgm:pt modelId="{0A832D92-E5FA-487A-A1E5-58D7BB0D4A8A}" type="pres">
      <dgm:prSet presAssocID="{78676E21-92FB-4F1F-BB31-9D961FBA5F71}" presName="linearFlow" presStyleCnt="0">
        <dgm:presLayoutVars>
          <dgm:dir/>
          <dgm:animLvl val="lvl"/>
          <dgm:resizeHandles val="exact"/>
        </dgm:presLayoutVars>
      </dgm:prSet>
      <dgm:spPr/>
    </dgm:pt>
    <dgm:pt modelId="{D7D0E277-93D3-47C5-99E6-C8D3A835E60E}" type="pres">
      <dgm:prSet presAssocID="{F7BD2B79-D053-46E7-A558-3EA230FCA012}" presName="composite" presStyleCnt="0"/>
      <dgm:spPr/>
    </dgm:pt>
    <dgm:pt modelId="{82B2EF76-5F79-4CE9-8D80-5A13FDB1316C}" type="pres">
      <dgm:prSet presAssocID="{F7BD2B79-D053-46E7-A558-3EA230FCA012}" presName="parentText" presStyleLbl="alignNode1" presStyleIdx="0" presStyleCnt="3">
        <dgm:presLayoutVars>
          <dgm:chMax val="1"/>
          <dgm:bulletEnabled val="1"/>
        </dgm:presLayoutVars>
      </dgm:prSet>
      <dgm:spPr/>
    </dgm:pt>
    <dgm:pt modelId="{7DC73C34-8A15-4829-BAE0-8B936F9E36AD}" type="pres">
      <dgm:prSet presAssocID="{F7BD2B79-D053-46E7-A558-3EA230FCA012}" presName="descendantText" presStyleLbl="alignAcc1" presStyleIdx="0" presStyleCnt="3">
        <dgm:presLayoutVars>
          <dgm:bulletEnabled val="1"/>
        </dgm:presLayoutVars>
      </dgm:prSet>
      <dgm:spPr/>
    </dgm:pt>
    <dgm:pt modelId="{74637971-83CB-4110-864E-DF57E24EAF6B}" type="pres">
      <dgm:prSet presAssocID="{D904E83D-C112-409F-BAC0-26859392ABA7}" presName="sp" presStyleCnt="0"/>
      <dgm:spPr/>
    </dgm:pt>
    <dgm:pt modelId="{E07C0618-91E1-4D30-9586-DA5A7F96D0CA}" type="pres">
      <dgm:prSet presAssocID="{13613B2D-DFEE-47E1-85B9-336D06E49B37}" presName="composite" presStyleCnt="0"/>
      <dgm:spPr/>
    </dgm:pt>
    <dgm:pt modelId="{DFBB9DA0-0F69-4DA4-8A43-3F2FAC568353}" type="pres">
      <dgm:prSet presAssocID="{13613B2D-DFEE-47E1-85B9-336D06E49B37}" presName="parentText" presStyleLbl="alignNode1" presStyleIdx="1" presStyleCnt="3">
        <dgm:presLayoutVars>
          <dgm:chMax val="1"/>
          <dgm:bulletEnabled val="1"/>
        </dgm:presLayoutVars>
      </dgm:prSet>
      <dgm:spPr/>
    </dgm:pt>
    <dgm:pt modelId="{0F223804-DC9D-49D8-9023-67B65846C88F}" type="pres">
      <dgm:prSet presAssocID="{13613B2D-DFEE-47E1-85B9-336D06E49B37}" presName="descendantText" presStyleLbl="alignAcc1" presStyleIdx="1" presStyleCnt="3" custScaleY="159830">
        <dgm:presLayoutVars>
          <dgm:bulletEnabled val="1"/>
        </dgm:presLayoutVars>
      </dgm:prSet>
      <dgm:spPr/>
    </dgm:pt>
    <dgm:pt modelId="{F652DDF3-A5F7-4BF0-8D61-16B49CF1FD9F}" type="pres">
      <dgm:prSet presAssocID="{73E71B57-DB7E-4086-BD93-42520327C57F}" presName="sp" presStyleCnt="0"/>
      <dgm:spPr/>
    </dgm:pt>
    <dgm:pt modelId="{D89D9BF7-B455-4F82-8E34-A5E1DE183C3C}" type="pres">
      <dgm:prSet presAssocID="{27A33880-5F5B-4520-AE6B-3A52A1E7926F}" presName="composite" presStyleCnt="0"/>
      <dgm:spPr/>
    </dgm:pt>
    <dgm:pt modelId="{C7554A33-111C-4B88-9E37-DF5DE4236E75}" type="pres">
      <dgm:prSet presAssocID="{27A33880-5F5B-4520-AE6B-3A52A1E7926F}" presName="parentText" presStyleLbl="alignNode1" presStyleIdx="2" presStyleCnt="3">
        <dgm:presLayoutVars>
          <dgm:chMax val="1"/>
          <dgm:bulletEnabled val="1"/>
        </dgm:presLayoutVars>
      </dgm:prSet>
      <dgm:spPr/>
    </dgm:pt>
    <dgm:pt modelId="{101DFF49-E86B-4931-8C87-27C1DF67884C}" type="pres">
      <dgm:prSet presAssocID="{27A33880-5F5B-4520-AE6B-3A52A1E7926F}" presName="descendantText" presStyleLbl="alignAcc1" presStyleIdx="2" presStyleCnt="3">
        <dgm:presLayoutVars>
          <dgm:bulletEnabled val="1"/>
        </dgm:presLayoutVars>
      </dgm:prSet>
      <dgm:spPr/>
    </dgm:pt>
  </dgm:ptLst>
  <dgm:cxnLst>
    <dgm:cxn modelId="{F2976100-AAD8-4390-9A61-86B012528098}" srcId="{27A33880-5F5B-4520-AE6B-3A52A1E7926F}" destId="{232A24FA-4B80-485D-85B0-5AF0C70EC7FD}" srcOrd="2" destOrd="0" parTransId="{145E3814-86AA-4B58-894D-D28679DAECC3}" sibTransId="{9E630572-F9C9-4BC0-9F7B-0AE4AC072B56}"/>
    <dgm:cxn modelId="{91288806-BEF4-4639-9E6C-627303DD4399}" type="presOf" srcId="{12646D12-495B-4507-9312-EEE262D0D4C5}" destId="{101DFF49-E86B-4931-8C87-27C1DF67884C}" srcOrd="0" destOrd="1" presId="urn:microsoft.com/office/officeart/2005/8/layout/chevron2"/>
    <dgm:cxn modelId="{72D0100C-9900-4D11-9B42-5090B240891E}" type="presOf" srcId="{694AA01A-D3BC-42DF-87EC-389C829C0D87}" destId="{7DC73C34-8A15-4829-BAE0-8B936F9E36AD}" srcOrd="0" destOrd="1" presId="urn:microsoft.com/office/officeart/2005/8/layout/chevron2"/>
    <dgm:cxn modelId="{807C8A10-2121-4DFF-BE3D-66E0778C3894}" type="presOf" srcId="{665EEB34-7098-4358-88B3-19DD703C66F9}" destId="{0F223804-DC9D-49D8-9023-67B65846C88F}" srcOrd="0" destOrd="4" presId="urn:microsoft.com/office/officeart/2005/8/layout/chevron2"/>
    <dgm:cxn modelId="{BC635711-CC91-4ED9-B0FF-5987C1D58FD5}" srcId="{F7BD2B79-D053-46E7-A558-3EA230FCA012}" destId="{42651E21-DB9B-4119-BB9D-15E7D8C43867}" srcOrd="2" destOrd="0" parTransId="{C68F007B-38A5-4FDB-B0BE-D2097A1B40CF}" sibTransId="{EA61168F-085C-4F4C-9B49-CDC789013C1C}"/>
    <dgm:cxn modelId="{D90A131F-C14E-474D-B8D9-268882458BF2}" srcId="{13613B2D-DFEE-47E1-85B9-336D06E49B37}" destId="{3C380C7C-E7C7-467D-97A0-F6952D62736D}" srcOrd="2" destOrd="0" parTransId="{5DDFAB50-0DB8-4437-BD00-7709A12DBCA4}" sibTransId="{5377638F-33C5-497F-A775-7BBBCBC4FCAB}"/>
    <dgm:cxn modelId="{8A4CA124-A471-4CFA-B3E5-DD8E751BCE7F}" type="presOf" srcId="{232A24FA-4B80-485D-85B0-5AF0C70EC7FD}" destId="{101DFF49-E86B-4931-8C87-27C1DF67884C}" srcOrd="0" destOrd="2" presId="urn:microsoft.com/office/officeart/2005/8/layout/chevron2"/>
    <dgm:cxn modelId="{E35FDC2C-C90E-4D94-9B00-BA5CCBE1B88D}" type="presOf" srcId="{13613B2D-DFEE-47E1-85B9-336D06E49B37}" destId="{DFBB9DA0-0F69-4DA4-8A43-3F2FAC568353}" srcOrd="0" destOrd="0" presId="urn:microsoft.com/office/officeart/2005/8/layout/chevron2"/>
    <dgm:cxn modelId="{9BA34631-6FAA-4258-8F4B-C99D7C381E99}" type="presOf" srcId="{3D899EC2-898A-40D1-B46D-E730517C4968}" destId="{101DFF49-E86B-4931-8C87-27C1DF67884C}" srcOrd="0" destOrd="0" presId="urn:microsoft.com/office/officeart/2005/8/layout/chevron2"/>
    <dgm:cxn modelId="{921D2E33-2D17-452A-AA0B-0201EFBE51E3}" srcId="{27A33880-5F5B-4520-AE6B-3A52A1E7926F}" destId="{12646D12-495B-4507-9312-EEE262D0D4C5}" srcOrd="1" destOrd="0" parTransId="{B5901E82-AE52-4B12-AA38-9109A4853C45}" sibTransId="{A75C1E7B-A28F-4D0F-A7F0-BFC432900609}"/>
    <dgm:cxn modelId="{3BA67338-4D4E-443F-8C4A-3D3A6906FA68}" srcId="{78676E21-92FB-4F1F-BB31-9D961FBA5F71}" destId="{F7BD2B79-D053-46E7-A558-3EA230FCA012}" srcOrd="0" destOrd="0" parTransId="{2633E58A-F0DA-4795-8F63-8FE57BC3E4B5}" sibTransId="{D904E83D-C112-409F-BAC0-26859392ABA7}"/>
    <dgm:cxn modelId="{8FEDAD3A-96CE-4F14-8298-5B9FABE19F16}" type="presOf" srcId="{69AC1517-C9FF-4535-AAE0-6AAE0128C179}" destId="{0F223804-DC9D-49D8-9023-67B65846C88F}" srcOrd="0" destOrd="3" presId="urn:microsoft.com/office/officeart/2005/8/layout/chevron2"/>
    <dgm:cxn modelId="{5FD90245-DA83-4987-99BE-19CC675A6970}" srcId="{13613B2D-DFEE-47E1-85B9-336D06E49B37}" destId="{665EEB34-7098-4358-88B3-19DD703C66F9}" srcOrd="4" destOrd="0" parTransId="{77C91012-FD9F-42ED-94F9-89D34FAE684F}" sibTransId="{363328D1-9332-48CD-8329-4C99745C7897}"/>
    <dgm:cxn modelId="{8E1B0A6D-BB37-4B8D-A7FA-56A79310BF68}" type="presOf" srcId="{DB4591B7-7898-48F6-B3B5-4E049AA1CCAA}" destId="{7DC73C34-8A15-4829-BAE0-8B936F9E36AD}" srcOrd="0" destOrd="0" presId="urn:microsoft.com/office/officeart/2005/8/layout/chevron2"/>
    <dgm:cxn modelId="{FD3EAC6E-C358-4FB2-AA34-D6546CB2C7DF}" type="presOf" srcId="{36E0B798-A0B4-4A47-A423-2AE0547A10EE}" destId="{0F223804-DC9D-49D8-9023-67B65846C88F}" srcOrd="0" destOrd="1" presId="urn:microsoft.com/office/officeart/2005/8/layout/chevron2"/>
    <dgm:cxn modelId="{5796C652-AEE8-4940-8FC8-136C0FCB7A5A}" srcId="{27A33880-5F5B-4520-AE6B-3A52A1E7926F}" destId="{3D899EC2-898A-40D1-B46D-E730517C4968}" srcOrd="0" destOrd="0" parTransId="{81CFD39B-A55E-4C93-B2BD-AC414E6A204E}" sibTransId="{5C076CBB-A2BA-40C9-8D53-C8C35713F6D7}"/>
    <dgm:cxn modelId="{D5895079-2A52-41B7-B1CF-0109305D35A5}" type="presOf" srcId="{78676E21-92FB-4F1F-BB31-9D961FBA5F71}" destId="{0A832D92-E5FA-487A-A1E5-58D7BB0D4A8A}" srcOrd="0" destOrd="0" presId="urn:microsoft.com/office/officeart/2005/8/layout/chevron2"/>
    <dgm:cxn modelId="{9630EB7C-0969-4DBA-8F39-642D6994CDAD}" srcId="{13613B2D-DFEE-47E1-85B9-336D06E49B37}" destId="{AA750612-F648-4FC5-9D2D-E764B055A567}" srcOrd="5" destOrd="0" parTransId="{3279027D-3D9B-4231-8E36-5A5120957F0E}" sibTransId="{B84CD0D9-D08E-482E-AF97-67E07D636420}"/>
    <dgm:cxn modelId="{041FBD8A-63B5-4B85-AAB8-987051AAA0BA}" type="presOf" srcId="{6461DDC1-6B35-4D3F-957F-1F383B2CF077}" destId="{101DFF49-E86B-4931-8C87-27C1DF67884C}" srcOrd="0" destOrd="3" presId="urn:microsoft.com/office/officeart/2005/8/layout/chevron2"/>
    <dgm:cxn modelId="{40A80097-949F-4528-B461-E0D384255BAC}" type="presOf" srcId="{27A33880-5F5B-4520-AE6B-3A52A1E7926F}" destId="{C7554A33-111C-4B88-9E37-DF5DE4236E75}" srcOrd="0" destOrd="0" presId="urn:microsoft.com/office/officeart/2005/8/layout/chevron2"/>
    <dgm:cxn modelId="{A27DF5A2-710B-4A1C-90FA-32C9F24DDD77}" type="presOf" srcId="{42651E21-DB9B-4119-BB9D-15E7D8C43867}" destId="{7DC73C34-8A15-4829-BAE0-8B936F9E36AD}" srcOrd="0" destOrd="2" presId="urn:microsoft.com/office/officeart/2005/8/layout/chevron2"/>
    <dgm:cxn modelId="{7BBA1FAB-252E-40E2-A2E3-A416C1F2F0B8}" type="presOf" srcId="{3C380C7C-E7C7-467D-97A0-F6952D62736D}" destId="{0F223804-DC9D-49D8-9023-67B65846C88F}" srcOrd="0" destOrd="2" presId="urn:microsoft.com/office/officeart/2005/8/layout/chevron2"/>
    <dgm:cxn modelId="{898D65AD-9C6F-45BE-9A6F-296F52D3E0FB}" srcId="{F7BD2B79-D053-46E7-A558-3EA230FCA012}" destId="{694AA01A-D3BC-42DF-87EC-389C829C0D87}" srcOrd="1" destOrd="0" parTransId="{B5B52929-1627-4C05-BEB7-4E42EFF085C2}" sibTransId="{620BF429-BDA7-4195-82CD-3AD4C70DDF71}"/>
    <dgm:cxn modelId="{F494DEC9-5DB0-4FBE-A9E3-10F663152696}" type="presOf" srcId="{7BB33CFE-4E79-4560-8C1C-12902053D545}" destId="{0F223804-DC9D-49D8-9023-67B65846C88F}" srcOrd="0" destOrd="0" presId="urn:microsoft.com/office/officeart/2005/8/layout/chevron2"/>
    <dgm:cxn modelId="{9677C1D4-9043-4A35-BE49-64E8A35E72D7}" srcId="{13613B2D-DFEE-47E1-85B9-336D06E49B37}" destId="{69AC1517-C9FF-4535-AAE0-6AAE0128C179}" srcOrd="3" destOrd="0" parTransId="{E85F970F-56A7-44A7-8DD2-0B3339AD6310}" sibTransId="{874A24F6-037B-429F-9D95-4AB1DE050922}"/>
    <dgm:cxn modelId="{8063ABD6-0EEA-4A7D-9876-7E56219E3EF2}" srcId="{27A33880-5F5B-4520-AE6B-3A52A1E7926F}" destId="{6461DDC1-6B35-4D3F-957F-1F383B2CF077}" srcOrd="3" destOrd="0" parTransId="{153FA284-728C-4021-835A-047AB8C38411}" sibTransId="{73696726-AD77-4E2F-935A-6DD274B149F6}"/>
    <dgm:cxn modelId="{28D4EFDA-4922-464A-8426-37EBCEEAD3E0}" srcId="{13613B2D-DFEE-47E1-85B9-336D06E49B37}" destId="{7BB33CFE-4E79-4560-8C1C-12902053D545}" srcOrd="0" destOrd="0" parTransId="{C30A1A8C-A406-41D3-87A7-885661AB8C1D}" sibTransId="{BC429E24-D5BC-41F8-B2D5-5977B78FF385}"/>
    <dgm:cxn modelId="{492B83DE-203C-4D3E-81BA-A2D8A6F97942}" srcId="{F7BD2B79-D053-46E7-A558-3EA230FCA012}" destId="{DB4591B7-7898-48F6-B3B5-4E049AA1CCAA}" srcOrd="0" destOrd="0" parTransId="{5A6D3819-B087-4769-9D03-831FCD5741F6}" sibTransId="{83911A9E-4953-4F94-B8A6-AF0140196BB7}"/>
    <dgm:cxn modelId="{A682D7EE-DE2C-47FD-8B8B-E4752D862054}" srcId="{78676E21-92FB-4F1F-BB31-9D961FBA5F71}" destId="{13613B2D-DFEE-47E1-85B9-336D06E49B37}" srcOrd="1" destOrd="0" parTransId="{5894F49A-BF83-483D-95D3-72EE70D32E82}" sibTransId="{73E71B57-DB7E-4086-BD93-42520327C57F}"/>
    <dgm:cxn modelId="{874F1DF6-1F7B-44E9-9F6E-8107BB69E963}" type="presOf" srcId="{F7BD2B79-D053-46E7-A558-3EA230FCA012}" destId="{82B2EF76-5F79-4CE9-8D80-5A13FDB1316C}" srcOrd="0" destOrd="0" presId="urn:microsoft.com/office/officeart/2005/8/layout/chevron2"/>
    <dgm:cxn modelId="{E9EA3EFC-5D7D-4429-A229-BBAB42775093}" type="presOf" srcId="{AA750612-F648-4FC5-9D2D-E764B055A567}" destId="{0F223804-DC9D-49D8-9023-67B65846C88F}" srcOrd="0" destOrd="5" presId="urn:microsoft.com/office/officeart/2005/8/layout/chevron2"/>
    <dgm:cxn modelId="{92FF50FC-755C-42EB-BEB4-7D2A60CC0EB1}" srcId="{13613B2D-DFEE-47E1-85B9-336D06E49B37}" destId="{36E0B798-A0B4-4A47-A423-2AE0547A10EE}" srcOrd="1" destOrd="0" parTransId="{394ED027-7752-4D82-B356-314507D8C871}" sibTransId="{C347FD81-D222-4D19-95E7-F2E22FEF7751}"/>
    <dgm:cxn modelId="{833EABFF-D859-4CBF-847E-666E66CA7843}" srcId="{78676E21-92FB-4F1F-BB31-9D961FBA5F71}" destId="{27A33880-5F5B-4520-AE6B-3A52A1E7926F}" srcOrd="2" destOrd="0" parTransId="{21108ED5-4D26-4500-A048-E0EC09C31275}" sibTransId="{7E14CB6A-0889-4F65-B613-48BECBF45834}"/>
    <dgm:cxn modelId="{13CF6A8E-AE81-405E-B88B-680F5E88F2E7}" type="presParOf" srcId="{0A832D92-E5FA-487A-A1E5-58D7BB0D4A8A}" destId="{D7D0E277-93D3-47C5-99E6-C8D3A835E60E}" srcOrd="0" destOrd="0" presId="urn:microsoft.com/office/officeart/2005/8/layout/chevron2"/>
    <dgm:cxn modelId="{FC6E3253-6E6A-4345-9A90-B41E76147F21}" type="presParOf" srcId="{D7D0E277-93D3-47C5-99E6-C8D3A835E60E}" destId="{82B2EF76-5F79-4CE9-8D80-5A13FDB1316C}" srcOrd="0" destOrd="0" presId="urn:microsoft.com/office/officeart/2005/8/layout/chevron2"/>
    <dgm:cxn modelId="{BC3F9193-F4B5-4CD7-974B-1F1F21288FD2}" type="presParOf" srcId="{D7D0E277-93D3-47C5-99E6-C8D3A835E60E}" destId="{7DC73C34-8A15-4829-BAE0-8B936F9E36AD}" srcOrd="1" destOrd="0" presId="urn:microsoft.com/office/officeart/2005/8/layout/chevron2"/>
    <dgm:cxn modelId="{155D01CB-9732-4EF8-83B7-B224AE5C0C8D}" type="presParOf" srcId="{0A832D92-E5FA-487A-A1E5-58D7BB0D4A8A}" destId="{74637971-83CB-4110-864E-DF57E24EAF6B}" srcOrd="1" destOrd="0" presId="urn:microsoft.com/office/officeart/2005/8/layout/chevron2"/>
    <dgm:cxn modelId="{2783C2D4-2739-4A93-BE09-8858CFA35088}" type="presParOf" srcId="{0A832D92-E5FA-487A-A1E5-58D7BB0D4A8A}" destId="{E07C0618-91E1-4D30-9586-DA5A7F96D0CA}" srcOrd="2" destOrd="0" presId="urn:microsoft.com/office/officeart/2005/8/layout/chevron2"/>
    <dgm:cxn modelId="{3E9CA47B-B3D6-4B12-9F2D-9D9DBECC3A2E}" type="presParOf" srcId="{E07C0618-91E1-4D30-9586-DA5A7F96D0CA}" destId="{DFBB9DA0-0F69-4DA4-8A43-3F2FAC568353}" srcOrd="0" destOrd="0" presId="urn:microsoft.com/office/officeart/2005/8/layout/chevron2"/>
    <dgm:cxn modelId="{D5064253-D34A-4DC1-988A-BD51FCB188E9}" type="presParOf" srcId="{E07C0618-91E1-4D30-9586-DA5A7F96D0CA}" destId="{0F223804-DC9D-49D8-9023-67B65846C88F}" srcOrd="1" destOrd="0" presId="urn:microsoft.com/office/officeart/2005/8/layout/chevron2"/>
    <dgm:cxn modelId="{16BBDA9D-9181-4417-B982-9F64EEA06368}" type="presParOf" srcId="{0A832D92-E5FA-487A-A1E5-58D7BB0D4A8A}" destId="{F652DDF3-A5F7-4BF0-8D61-16B49CF1FD9F}" srcOrd="3" destOrd="0" presId="urn:microsoft.com/office/officeart/2005/8/layout/chevron2"/>
    <dgm:cxn modelId="{D6196DC6-6784-4CD4-85AB-8D76E21273F7}" type="presParOf" srcId="{0A832D92-E5FA-487A-A1E5-58D7BB0D4A8A}" destId="{D89D9BF7-B455-4F82-8E34-A5E1DE183C3C}" srcOrd="4" destOrd="0" presId="urn:microsoft.com/office/officeart/2005/8/layout/chevron2"/>
    <dgm:cxn modelId="{C9BECE35-38F4-4C80-B077-C3F38F275491}" type="presParOf" srcId="{D89D9BF7-B455-4F82-8E34-A5E1DE183C3C}" destId="{C7554A33-111C-4B88-9E37-DF5DE4236E75}" srcOrd="0" destOrd="0" presId="urn:microsoft.com/office/officeart/2005/8/layout/chevron2"/>
    <dgm:cxn modelId="{DC849225-88DE-42EE-B34A-B1B77F8FED05}" type="presParOf" srcId="{D89D9BF7-B455-4F82-8E34-A5E1DE183C3C}" destId="{101DFF49-E86B-4931-8C87-27C1DF67884C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2B2EF76-5F79-4CE9-8D80-5A13FDB1316C}">
      <dsp:nvSpPr>
        <dsp:cNvPr id="0" name=""/>
        <dsp:cNvSpPr/>
      </dsp:nvSpPr>
      <dsp:spPr>
        <a:xfrm rot="5400000">
          <a:off x="-220962" y="225131"/>
          <a:ext cx="1473086" cy="1031160"/>
        </a:xfrm>
        <a:prstGeom prst="chevron">
          <a:avLst/>
        </a:prstGeom>
        <a:gradFill rotWithShape="0">
          <a:gsLst>
            <a:gs pos="0">
              <a:schemeClr val="accent3">
                <a:shade val="50000"/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3">
                <a:shade val="50000"/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3">
                <a:shade val="50000"/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3">
              <a:shade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Bi-Week</a:t>
          </a:r>
        </a:p>
      </dsp:txBody>
      <dsp:txXfrm rot="-5400000">
        <a:off x="1" y="519748"/>
        <a:ext cx="1031160" cy="441926"/>
      </dsp:txXfrm>
    </dsp:sp>
    <dsp:sp modelId="{7DC73C34-8A15-4829-BAE0-8B936F9E36AD}">
      <dsp:nvSpPr>
        <dsp:cNvPr id="0" name=""/>
        <dsp:cNvSpPr/>
      </dsp:nvSpPr>
      <dsp:spPr>
        <a:xfrm rot="5400000">
          <a:off x="5294627" y="-4259298"/>
          <a:ext cx="957505" cy="948443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shade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0160" rIns="10160" bIns="10160" numCol="1" spcCol="1270" anchor="ctr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No deliverable documents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15 minute phone call, responsibilities covered in “Bi-Weekly Agenda”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600" kern="1200" dirty="0"/>
        </a:p>
      </dsp:txBody>
      <dsp:txXfrm rot="-5400000">
        <a:off x="1031160" y="50911"/>
        <a:ext cx="9437697" cy="864021"/>
      </dsp:txXfrm>
    </dsp:sp>
    <dsp:sp modelId="{DFBB9DA0-0F69-4DA4-8A43-3F2FAC568353}">
      <dsp:nvSpPr>
        <dsp:cNvPr id="0" name=""/>
        <dsp:cNvSpPr/>
      </dsp:nvSpPr>
      <dsp:spPr>
        <a:xfrm rot="5400000">
          <a:off x="-220962" y="1803308"/>
          <a:ext cx="1473086" cy="1031160"/>
        </a:xfrm>
        <a:prstGeom prst="chevron">
          <a:avLst/>
        </a:prstGeom>
        <a:gradFill rotWithShape="0">
          <a:gsLst>
            <a:gs pos="0">
              <a:schemeClr val="accent3">
                <a:shade val="50000"/>
                <a:hueOff val="0"/>
                <a:satOff val="0"/>
                <a:lumOff val="23975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3">
                <a:shade val="50000"/>
                <a:hueOff val="0"/>
                <a:satOff val="0"/>
                <a:lumOff val="23975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3">
                <a:shade val="50000"/>
                <a:hueOff val="0"/>
                <a:satOff val="0"/>
                <a:lumOff val="23975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3">
              <a:shade val="50000"/>
              <a:hueOff val="0"/>
              <a:satOff val="0"/>
              <a:lumOff val="23975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Monthly</a:t>
          </a:r>
        </a:p>
      </dsp:txBody>
      <dsp:txXfrm rot="-5400000">
        <a:off x="1" y="2097925"/>
        <a:ext cx="1031160" cy="441926"/>
      </dsp:txXfrm>
    </dsp:sp>
    <dsp:sp modelId="{0F223804-DC9D-49D8-9023-67B65846C88F}">
      <dsp:nvSpPr>
        <dsp:cNvPr id="0" name=""/>
        <dsp:cNvSpPr/>
      </dsp:nvSpPr>
      <dsp:spPr>
        <a:xfrm rot="5400000">
          <a:off x="5008189" y="-2681121"/>
          <a:ext cx="1530381" cy="948443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shade val="50000"/>
              <a:hueOff val="0"/>
              <a:satOff val="0"/>
              <a:lumOff val="23975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0160" rIns="10160" bIns="10160" numCol="1" spcCol="1270" anchor="ctr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Monthly Report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POAM Updates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Quad Chart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Cost Share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Courier New" panose="02070309020205020404" pitchFamily="49" charset="0"/>
            <a:buChar char="o"/>
          </a:pPr>
          <a:r>
            <a:rPr lang="en-US" sz="1600" kern="1200" dirty="0"/>
            <a:t>*Mid-Program Review Presentation*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Wingdings" panose="05000000000000000000" pitchFamily="2" charset="2"/>
            <a:buChar char="v"/>
          </a:pPr>
          <a:r>
            <a:rPr lang="en-US" sz="1600" kern="1200" dirty="0"/>
            <a:t>Annual Financial (SF425) [</a:t>
          </a:r>
          <a:r>
            <a:rPr lang="en-US" sz="1600" i="1" kern="1200" dirty="0"/>
            <a:t>1/15  - covers previous calendar year</a:t>
          </a:r>
          <a:r>
            <a:rPr lang="en-US" sz="1600" kern="1200" dirty="0"/>
            <a:t>] </a:t>
          </a:r>
        </a:p>
      </dsp:txBody>
      <dsp:txXfrm rot="-5400000">
        <a:off x="1031161" y="1370614"/>
        <a:ext cx="9409732" cy="1380967"/>
      </dsp:txXfrm>
    </dsp:sp>
    <dsp:sp modelId="{C7554A33-111C-4B88-9E37-DF5DE4236E75}">
      <dsp:nvSpPr>
        <dsp:cNvPr id="0" name=""/>
        <dsp:cNvSpPr/>
      </dsp:nvSpPr>
      <dsp:spPr>
        <a:xfrm rot="5400000">
          <a:off x="-220962" y="3095047"/>
          <a:ext cx="1473086" cy="1031160"/>
        </a:xfrm>
        <a:prstGeom prst="chevron">
          <a:avLst/>
        </a:prstGeom>
        <a:gradFill rotWithShape="0">
          <a:gsLst>
            <a:gs pos="0">
              <a:schemeClr val="accent3">
                <a:shade val="50000"/>
                <a:hueOff val="0"/>
                <a:satOff val="0"/>
                <a:lumOff val="23975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3">
                <a:shade val="50000"/>
                <a:hueOff val="0"/>
                <a:satOff val="0"/>
                <a:lumOff val="23975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3">
                <a:shade val="50000"/>
                <a:hueOff val="0"/>
                <a:satOff val="0"/>
                <a:lumOff val="23975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 w="6350" cap="flat" cmpd="sng" algn="ctr">
          <a:solidFill>
            <a:schemeClr val="accent3">
              <a:shade val="50000"/>
              <a:hueOff val="0"/>
              <a:satOff val="0"/>
              <a:lumOff val="23975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Final</a:t>
          </a:r>
        </a:p>
      </dsp:txBody>
      <dsp:txXfrm rot="-5400000">
        <a:off x="1" y="3389664"/>
        <a:ext cx="1031160" cy="441926"/>
      </dsp:txXfrm>
    </dsp:sp>
    <dsp:sp modelId="{101DFF49-E86B-4931-8C87-27C1DF67884C}">
      <dsp:nvSpPr>
        <dsp:cNvPr id="0" name=""/>
        <dsp:cNvSpPr/>
      </dsp:nvSpPr>
      <dsp:spPr>
        <a:xfrm rot="5400000">
          <a:off x="5294627" y="-1389382"/>
          <a:ext cx="957505" cy="948443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shade val="50000"/>
              <a:hueOff val="0"/>
              <a:satOff val="0"/>
              <a:lumOff val="23975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0160" rIns="10160" bIns="10160" numCol="1" spcCol="1270" anchor="ctr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Final Report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Final Financial Report (SF425)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Invention Disclosures etc.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Final demo &amp; presentation</a:t>
          </a:r>
        </a:p>
      </dsp:txBody>
      <dsp:txXfrm rot="-5400000">
        <a:off x="1031160" y="2920827"/>
        <a:ext cx="9437697" cy="86402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w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359362-B44C-9740-A9B5-B545B4E2A86B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C8CEA91-278C-F543-BC69-DAFB6CF94E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6532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9BE30C5-DD95-402C-9A02-FAF7BE06F3C4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475256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9BE30C5-DD95-402C-9A02-FAF7BE06F3C4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18735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9BE30C5-DD95-402C-9A02-FAF7BE06F3C4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413682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9BE30C5-DD95-402C-9A02-FAF7BE06F3C4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218270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C8CEA91-278C-F543-BC69-DAFB6CF94E2D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595925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9BE30C5-DD95-402C-9A02-FAF7BE06F3C4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358408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9BE30C5-DD95-402C-9A02-FAF7BE06F3C4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027819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>
            <a:extLst>
              <a:ext uri="{FF2B5EF4-FFF2-40B4-BE49-F238E27FC236}">
                <a16:creationId xmlns:a16="http://schemas.microsoft.com/office/drawing/2014/main" id="{CB48E0E5-0B5E-4FF1-B523-66A574D839D4}"/>
              </a:ext>
            </a:extLst>
          </p:cNvPr>
          <p:cNvSpPr txBox="1"/>
          <p:nvPr userDrawn="1"/>
        </p:nvSpPr>
        <p:spPr>
          <a:xfrm>
            <a:off x="4544878" y="5251414"/>
            <a:ext cx="741852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4800" b="1" dirty="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rPr>
              <a:t>Presentation Title</a:t>
            </a:r>
            <a:endParaRPr lang="en-US" sz="6000" b="1" dirty="0">
              <a:solidFill>
                <a:schemeClr val="bg1"/>
              </a:solidFill>
              <a:latin typeface="Arial" charset="0"/>
              <a:ea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782982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30103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6E063A-B8C7-40D7-BEB9-9B9815C7E2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CCE6FEA-DFEC-4E6A-A32B-B073982187A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FAA0E3D-5529-4D32-9245-51B4797FA0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FC83F9-5F2E-43FD-9E3A-6AEB7F7C29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21110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82A3FA1E-99E8-4CEF-813B-1E6036800346}"/>
              </a:ext>
            </a:extLst>
          </p:cNvPr>
          <p:cNvSpPr/>
          <p:nvPr userDrawn="1"/>
        </p:nvSpPr>
        <p:spPr>
          <a:xfrm>
            <a:off x="0" y="6006070"/>
            <a:ext cx="12192000" cy="877330"/>
          </a:xfrm>
          <a:prstGeom prst="rect">
            <a:avLst/>
          </a:prstGeom>
          <a:solidFill>
            <a:srgbClr val="FCB61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B19A0D49-7758-4D90-BA56-5C8014B53DFD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838200" y="1509767"/>
            <a:ext cx="10515600" cy="4143146"/>
          </a:xfrm>
        </p:spPr>
        <p:txBody>
          <a:bodyPr/>
          <a:lstStyle/>
          <a:p>
            <a:pPr>
              <a:buClr>
                <a:srgbClr val="FCB61A"/>
              </a:buClr>
              <a:buFont typeface="Wingdings" panose="05000000000000000000" pitchFamily="2" charset="2"/>
              <a:buChar char="§"/>
            </a:pP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Dsjdaldsjkfasd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>
              <a:buClr>
                <a:srgbClr val="FCB61A"/>
              </a:buClr>
              <a:buFont typeface="Wingdings" panose="05000000000000000000" pitchFamily="2" charset="2"/>
              <a:buChar char="§"/>
            </a:pP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Adjfkladsfjasd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2">
              <a:buClr>
                <a:srgbClr val="FCB61A"/>
              </a:buClr>
              <a:buFont typeface="Wingdings" panose="05000000000000000000" pitchFamily="2" charset="2"/>
              <a:buChar char="§"/>
            </a:pP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Adkfjadsfl;ajsdf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3">
              <a:buClr>
                <a:srgbClr val="FCB61A"/>
              </a:buClr>
              <a:buFont typeface="Wingdings" panose="05000000000000000000" pitchFamily="2" charset="2"/>
              <a:buChar char="§"/>
            </a:pPr>
            <a:r>
              <a:rPr lang="en-US" dirty="0" err="1">
                <a:latin typeface="Arial" panose="020B0604020202020204" pitchFamily="34" charset="0"/>
                <a:cs typeface="Arial" panose="020B0604020202020204" pitchFamily="34" charset="0"/>
              </a:rPr>
              <a:t>adsfjasdlfjadslf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E94714B1-D34E-4E77-A0E9-24142FFCB3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5504"/>
            <a:ext cx="10515600" cy="1325563"/>
          </a:xfrm>
        </p:spPr>
        <p:txBody>
          <a:bodyPr/>
          <a:lstStyle>
            <a:lvl1pPr>
              <a:defRPr b="1">
                <a:solidFill>
                  <a:srgbClr val="FCB61A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BC22090-426C-43A3-9D1B-2851B893450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121328" y="5814838"/>
            <a:ext cx="1919056" cy="12417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3097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A picture containing person, building&#10;&#10;Description generated with high confidence">
            <a:extLst>
              <a:ext uri="{FF2B5EF4-FFF2-40B4-BE49-F238E27FC236}">
                <a16:creationId xmlns:a16="http://schemas.microsoft.com/office/drawing/2014/main" id="{245E5E94-764D-4FE8-8CA0-94B620D8469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9602" y="0"/>
            <a:ext cx="12191540" cy="6858000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  <p:sp>
        <p:nvSpPr>
          <p:cNvPr id="7" name="Date Placeholder 1">
            <a:extLst>
              <a:ext uri="{FF2B5EF4-FFF2-40B4-BE49-F238E27FC236}">
                <a16:creationId xmlns:a16="http://schemas.microsoft.com/office/drawing/2014/main" id="{CC6D0BB7-86E5-4C3F-A652-DFB82DF876DB}"/>
              </a:ext>
            </a:extLst>
          </p:cNvPr>
          <p:cNvSpPr txBox="1">
            <a:spLocks/>
          </p:cNvSpPr>
          <p:nvPr userDrawn="1"/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7EED7DF-8B91-8149-B539-6230FAFD8BF1}" type="datetimeFigureOut">
              <a:rPr lang="en-US" smtClean="0"/>
              <a:pPr/>
              <a:t>7/23/2019</a:t>
            </a:fld>
            <a:endParaRPr lang="en-US"/>
          </a:p>
        </p:txBody>
      </p:sp>
      <p:sp>
        <p:nvSpPr>
          <p:cNvPr id="8" name="Slide Number Placeholder 3">
            <a:extLst>
              <a:ext uri="{FF2B5EF4-FFF2-40B4-BE49-F238E27FC236}">
                <a16:creationId xmlns:a16="http://schemas.microsoft.com/office/drawing/2014/main" id="{CFC2E3A6-8EDC-4C46-ABAA-929E17E2E065}"/>
              </a:ext>
            </a:extLst>
          </p:cNvPr>
          <p:cNvSpPr txBox="1">
            <a:spLocks/>
          </p:cNvSpPr>
          <p:nvPr userDrawn="1"/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DDAE8145-EF06-7041-8B19-0E873FD3E47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5EA1E5D-A7D5-4E95-840C-FBB612FEBB94}"/>
              </a:ext>
            </a:extLst>
          </p:cNvPr>
          <p:cNvSpPr/>
          <p:nvPr userDrawn="1"/>
        </p:nvSpPr>
        <p:spPr>
          <a:xfrm>
            <a:off x="-5317" y="5302141"/>
            <a:ext cx="12192000" cy="1567288"/>
          </a:xfrm>
          <a:prstGeom prst="rect">
            <a:avLst/>
          </a:prstGeom>
          <a:solidFill>
            <a:srgbClr val="FCB61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541C71F-4DBF-46A6-A1CB-C8F1BBD893CB}"/>
              </a:ext>
            </a:extLst>
          </p:cNvPr>
          <p:cNvSpPr/>
          <p:nvPr userDrawn="1"/>
        </p:nvSpPr>
        <p:spPr>
          <a:xfrm>
            <a:off x="-9602" y="-1603"/>
            <a:ext cx="12192000" cy="118970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12F4BE-FE05-45EB-B59D-20F4F7209EA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479" y="22412"/>
            <a:ext cx="1144424" cy="1144424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4C07C4F3-D99F-446B-B2BB-E87FECA5AAC0}"/>
              </a:ext>
            </a:extLst>
          </p:cNvPr>
          <p:cNvSpPr txBox="1"/>
          <p:nvPr userDrawn="1"/>
        </p:nvSpPr>
        <p:spPr>
          <a:xfrm>
            <a:off x="4654147" y="5305066"/>
            <a:ext cx="741852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4800" b="1" cap="small" baseline="0" dirty="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rPr>
              <a:t>Presentation Title</a:t>
            </a:r>
            <a:endParaRPr lang="en-US" sz="6000" b="1" cap="small" baseline="0" dirty="0">
              <a:solidFill>
                <a:schemeClr val="bg1"/>
              </a:solidFill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652AA46A-C42A-471E-A004-A0BE1B9C37B3}"/>
              </a:ext>
            </a:extLst>
          </p:cNvPr>
          <p:cNvSpPr txBox="1"/>
          <p:nvPr userDrawn="1"/>
        </p:nvSpPr>
        <p:spPr>
          <a:xfrm>
            <a:off x="4470400" y="5961759"/>
            <a:ext cx="74930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4000" dirty="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rPr>
              <a:t>Subtitle Copy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73688D63-3195-4A0F-A750-998ED792B4A5}"/>
              </a:ext>
            </a:extLst>
          </p:cNvPr>
          <p:cNvSpPr txBox="1"/>
          <p:nvPr userDrawn="1"/>
        </p:nvSpPr>
        <p:spPr>
          <a:xfrm>
            <a:off x="6745721" y="484593"/>
            <a:ext cx="51308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4000" cap="none" baseline="0" dirty="0">
                <a:latin typeface="Arial" panose="020B0604020202020204" pitchFamily="34" charset="0"/>
                <a:cs typeface="Arial" panose="020B0604020202020204" pitchFamily="34" charset="0"/>
              </a:rPr>
              <a:t>Presenter Name(s) </a:t>
            </a:r>
          </a:p>
        </p:txBody>
      </p:sp>
    </p:spTree>
    <p:extLst>
      <p:ext uri="{BB962C8B-B14F-4D97-AF65-F5344CB8AC3E}">
        <p14:creationId xmlns:p14="http://schemas.microsoft.com/office/powerpoint/2010/main" val="203099151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5502"/>
            <a:ext cx="10515600" cy="1325563"/>
          </a:xfrm>
        </p:spPr>
        <p:txBody>
          <a:bodyPr/>
          <a:lstStyle>
            <a:lvl1pPr>
              <a:defRPr b="1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464104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474738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17563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78044"/>
            <a:ext cx="10515600" cy="1325563"/>
          </a:xfrm>
        </p:spPr>
        <p:txBody>
          <a:bodyPr/>
          <a:lstStyle>
            <a:lvl1pPr>
              <a:defRPr b="1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436606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260518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436604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260524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9094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7446" y="0"/>
            <a:ext cx="10515600" cy="1325563"/>
          </a:xfrm>
        </p:spPr>
        <p:txBody>
          <a:bodyPr/>
          <a:lstStyle>
            <a:lvl1pPr>
              <a:defRPr b="1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6325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 b="1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321403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707953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05631"/>
            <a:ext cx="10515600" cy="1325563"/>
          </a:xfrm>
        </p:spPr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8022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909396"/>
            <a:ext cx="10515600" cy="390544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7EED7DF-8B91-8149-B539-6230FAFD8BF1}" type="datetimeFigureOut">
              <a:rPr lang="en-US" smtClean="0"/>
              <a:t>7/2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DAE8145-EF06-7041-8B19-0E873FD3E47B}" type="slidenum">
              <a:rPr lang="en-US" smtClean="0"/>
              <a:t>‹#›</a:t>
            </a:fld>
            <a:endParaRPr lang="en-US"/>
          </a:p>
        </p:txBody>
      </p:sp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E6908F58-413E-40B5-9C3D-20A2E068BF80}"/>
              </a:ext>
            </a:extLst>
          </p:cNvPr>
          <p:cNvSpPr txBox="1">
            <a:spLocks/>
          </p:cNvSpPr>
          <p:nvPr userDrawn="1"/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7EED7DF-8B91-8149-B539-6230FAFD8BF1}" type="datetimeFigureOut">
              <a:rPr lang="en-US" smtClean="0"/>
              <a:pPr/>
              <a:t>7/23/2019</a:t>
            </a:fld>
            <a:endParaRPr lang="en-US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1A1F6B69-E05B-4615-8423-DA875B1C5589}"/>
              </a:ext>
            </a:extLst>
          </p:cNvPr>
          <p:cNvSpPr txBox="1">
            <a:spLocks/>
          </p:cNvSpPr>
          <p:nvPr userDrawn="1"/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DDAE8145-EF06-7041-8B19-0E873FD3E47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7289ECB-861A-478F-AEC5-473F1380E853}"/>
              </a:ext>
            </a:extLst>
          </p:cNvPr>
          <p:cNvSpPr/>
          <p:nvPr userDrawn="1"/>
        </p:nvSpPr>
        <p:spPr>
          <a:xfrm>
            <a:off x="0" y="6006070"/>
            <a:ext cx="12192000" cy="877330"/>
          </a:xfrm>
          <a:prstGeom prst="rect">
            <a:avLst/>
          </a:prstGeom>
          <a:solidFill>
            <a:srgbClr val="FCB61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66AC14F6-60C8-4CD9-8DAF-4463AA9F4852}"/>
              </a:ext>
            </a:extLst>
          </p:cNvPr>
          <p:cNvPicPr>
            <a:picLocks noChangeAspect="1"/>
          </p:cNvPicPr>
          <p:nvPr userDrawn="1"/>
        </p:nvPicPr>
        <p:blipFill>
          <a:blip r:embed="rId13"/>
          <a:stretch>
            <a:fillRect/>
          </a:stretch>
        </p:blipFill>
        <p:spPr>
          <a:xfrm>
            <a:off x="-121328" y="5814838"/>
            <a:ext cx="1919056" cy="12417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5981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6" r:id="rId7"/>
    <p:sldLayoutId id="2147483657" r:id="rId8"/>
    <p:sldLayoutId id="2147483658" r:id="rId9"/>
    <p:sldLayoutId id="2147483659" r:id="rId10"/>
    <p:sldLayoutId id="214748366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cap="small" baseline="0">
          <a:solidFill>
            <a:srgbClr val="FCB61A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457200" indent="-457200" algn="l" defTabSz="914400" rtl="0" eaLnBrk="1" latinLnBrk="0" hangingPunct="1">
        <a:lnSpc>
          <a:spcPct val="90000"/>
        </a:lnSpc>
        <a:spcBef>
          <a:spcPts val="1000"/>
        </a:spcBef>
        <a:buClr>
          <a:srgbClr val="FCB61A"/>
        </a:buClr>
        <a:buFont typeface="Wingdings" panose="05000000000000000000" pitchFamily="2" charset="2"/>
        <a:buChar char="§"/>
        <a:defRPr sz="28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800100" indent="-342900" algn="l" defTabSz="914400" rtl="0" eaLnBrk="1" latinLnBrk="0" hangingPunct="1">
        <a:lnSpc>
          <a:spcPct val="90000"/>
        </a:lnSpc>
        <a:spcBef>
          <a:spcPts val="500"/>
        </a:spcBef>
        <a:buClr>
          <a:srgbClr val="FCB61A"/>
        </a:buClr>
        <a:buFont typeface="Wingdings" panose="05000000000000000000" pitchFamily="2" charset="2"/>
        <a:buChar char="§"/>
        <a:defRPr sz="24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257300" indent="-342900" algn="l" defTabSz="914400" rtl="0" eaLnBrk="1" latinLnBrk="0" hangingPunct="1">
        <a:lnSpc>
          <a:spcPct val="90000"/>
        </a:lnSpc>
        <a:spcBef>
          <a:spcPts val="500"/>
        </a:spcBef>
        <a:buClr>
          <a:srgbClr val="FCB61A"/>
        </a:buClr>
        <a:buFont typeface="Wingdings" panose="05000000000000000000" pitchFamily="2" charset="2"/>
        <a:buChar char="§"/>
        <a:defRPr sz="20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57350" indent="-285750" algn="l" defTabSz="914400" rtl="0" eaLnBrk="1" latinLnBrk="0" hangingPunct="1">
        <a:lnSpc>
          <a:spcPct val="90000"/>
        </a:lnSpc>
        <a:spcBef>
          <a:spcPts val="500"/>
        </a:spcBef>
        <a:buClr>
          <a:srgbClr val="FCB61A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2114550" indent="-285750" algn="l" defTabSz="914400" rtl="0" eaLnBrk="1" latinLnBrk="0" hangingPunct="1">
        <a:lnSpc>
          <a:spcPct val="90000"/>
        </a:lnSpc>
        <a:spcBef>
          <a:spcPts val="500"/>
        </a:spcBef>
        <a:buClr>
          <a:srgbClr val="FCB61A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mailto:PM@arminstitute.org" TargetMode="Externa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mailto:PM@arminstitute.org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mailto:PM@arminstitute.org" TargetMode="External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Relationship Id="rId4" Type="http://schemas.openxmlformats.org/officeDocument/2006/relationships/hyperlink" Target="mailto:costshare@arminstitute.org" TargetMode="Externa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hyperlink" Target="http://www.arl.army.mil/www/pages/shared/documents/425_ff_report.pdf" TargetMode="Externa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hyperlink" Target="mailto:PM@arminstitute.org" TargetMode="Externa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18.wmf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slideLayout" Target="../slideLayouts/slideLayout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DE29779-500F-4FB4-B170-8F3A6D64123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45459" y="101601"/>
            <a:ext cx="10865223" cy="3626896"/>
          </a:xfrm>
        </p:spPr>
        <p:txBody>
          <a:bodyPr>
            <a:normAutofit/>
          </a:bodyPr>
          <a:lstStyle/>
          <a:p>
            <a:r>
              <a:rPr lang="en-US" b="1" u="sng" cap="none" dirty="0">
                <a:solidFill>
                  <a:schemeClr val="tx1"/>
                </a:solidFill>
              </a:rPr>
              <a:t>Project Overview</a:t>
            </a:r>
            <a:br>
              <a:rPr lang="en-US" cap="none" dirty="0">
                <a:solidFill>
                  <a:schemeClr val="tx1"/>
                </a:solidFill>
              </a:rPr>
            </a:br>
            <a:r>
              <a:rPr lang="en-US" sz="2400" cap="none" dirty="0">
                <a:solidFill>
                  <a:schemeClr val="tx1"/>
                </a:solidFill>
              </a:rPr>
              <a:t>Advanced Control of Robotic Surface Treatment</a:t>
            </a:r>
            <a:br>
              <a:rPr lang="en-US" sz="2400" cap="none" dirty="0">
                <a:solidFill>
                  <a:schemeClr val="tx1"/>
                </a:solidFill>
              </a:rPr>
            </a:br>
            <a:r>
              <a:rPr lang="en-US" sz="2400" cap="none" dirty="0">
                <a:solidFill>
                  <a:schemeClr val="tx1"/>
                </a:solidFill>
              </a:rPr>
              <a:t>ARM-TEC-18-01-F-03</a:t>
            </a:r>
            <a:br>
              <a:rPr lang="en-US" sz="2400" cap="none" dirty="0">
                <a:solidFill>
                  <a:schemeClr val="tx1"/>
                </a:solidFill>
              </a:rPr>
            </a:br>
            <a:br>
              <a:rPr lang="en-US" sz="2400" i="1" cap="none" dirty="0">
                <a:solidFill>
                  <a:schemeClr val="tx1"/>
                </a:solidFill>
              </a:rPr>
            </a:br>
            <a:r>
              <a:rPr lang="en-US" sz="2700" b="1" cap="none" dirty="0">
                <a:solidFill>
                  <a:schemeClr val="tx1"/>
                </a:solidFill>
              </a:rPr>
              <a:t>UTRC</a:t>
            </a:r>
            <a:br>
              <a:rPr lang="en-US" sz="2700" b="1" cap="none" dirty="0">
                <a:solidFill>
                  <a:schemeClr val="accent2"/>
                </a:solidFill>
              </a:rPr>
            </a:br>
            <a:r>
              <a:rPr lang="en-US" sz="2000" b="1" cap="none" dirty="0">
                <a:solidFill>
                  <a:schemeClr val="tx1"/>
                </a:solidFill>
              </a:rPr>
              <a:t>RPI</a:t>
            </a:r>
            <a:endParaRPr lang="en-US" b="1" cap="none" dirty="0">
              <a:solidFill>
                <a:schemeClr val="tx1"/>
              </a:solidFill>
            </a:endParaRP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15AB722A-7C2B-4A6F-B6FD-825B4E4AC9A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4374357"/>
            <a:ext cx="9144000" cy="1655762"/>
          </a:xfrm>
        </p:spPr>
        <p:txBody>
          <a:bodyPr>
            <a:normAutofit/>
          </a:bodyPr>
          <a:lstStyle/>
          <a:p>
            <a:r>
              <a:rPr lang="en-US" sz="2000" dirty="0"/>
              <a:t>Cara Mazzarini, PM</a:t>
            </a:r>
          </a:p>
          <a:p>
            <a:r>
              <a:rPr lang="en-US" sz="2000" dirty="0"/>
              <a:t>Arnie Kravitz, Chief Technology Officer</a:t>
            </a:r>
          </a:p>
          <a:p>
            <a:r>
              <a:rPr lang="en-US" sz="2000" dirty="0"/>
              <a:t>Dr. Chuck Brandt, Deputy Director Technology Development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3109C61-720E-4872-8B40-520BEBD79D1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612527" y="1527169"/>
            <a:ext cx="5117555" cy="3311359"/>
          </a:xfrm>
          <a:prstGeom prst="rect">
            <a:avLst/>
          </a:prstGeom>
        </p:spPr>
      </p:pic>
      <p:pic>
        <p:nvPicPr>
          <p:cNvPr id="7" name="Picture 6" descr="http://www.utrc.utc.com/images/logo.png">
            <a:extLst>
              <a:ext uri="{FF2B5EF4-FFF2-40B4-BE49-F238E27FC236}">
                <a16:creationId xmlns:a16="http://schemas.microsoft.com/office/drawing/2014/main" id="{0F7AC014-FB51-426C-904F-2977D092E0DC}"/>
              </a:ext>
            </a:extLst>
          </p:cNvPr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65674" y="2623603"/>
            <a:ext cx="4536130" cy="125826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21174062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EDB87F-93EC-469C-BFFA-3BDD43A27D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5503"/>
            <a:ext cx="10515600" cy="991524"/>
          </a:xfrm>
        </p:spPr>
        <p:txBody>
          <a:bodyPr>
            <a:normAutofit/>
          </a:bodyPr>
          <a:lstStyle/>
          <a:p>
            <a:r>
              <a:rPr lang="en-US" dirty="0"/>
              <a:t>Monthly Reporting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F33570C1-6524-4013-8809-C368C4FE6F2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03422" y="1972890"/>
            <a:ext cx="5181600" cy="4351338"/>
          </a:xfrm>
        </p:spPr>
        <p:txBody>
          <a:bodyPr/>
          <a:lstStyle/>
          <a:p>
            <a:r>
              <a:rPr lang="en-US" dirty="0"/>
              <a:t>Due to </a:t>
            </a:r>
            <a:r>
              <a:rPr lang="en-US" dirty="0">
                <a:hlinkClick r:id="rId3"/>
              </a:rPr>
              <a:t>PM@arminstitute.org</a:t>
            </a:r>
            <a:endParaRPr lang="en-US" dirty="0"/>
          </a:p>
          <a:p>
            <a:pPr marL="0" indent="0">
              <a:buNone/>
            </a:pPr>
            <a:r>
              <a:rPr lang="en-US" dirty="0"/>
              <a:t>     on the 15</a:t>
            </a:r>
            <a:r>
              <a:rPr lang="en-US" baseline="30000" dirty="0"/>
              <a:t>th</a:t>
            </a:r>
            <a:r>
              <a:rPr lang="en-US" dirty="0"/>
              <a:t> of each month</a:t>
            </a:r>
          </a:p>
          <a:p>
            <a:pPr marL="685800" lvl="1"/>
            <a:r>
              <a:rPr lang="en-US" dirty="0"/>
              <a:t>Also send to ARM Project Manager</a:t>
            </a:r>
          </a:p>
          <a:p>
            <a:r>
              <a:rPr lang="en-US" dirty="0"/>
              <a:t>Highlight project progress &amp; issue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F12E2515-31D2-4BA2-AE1A-E610FE9F95A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34955" y="698283"/>
            <a:ext cx="3912356" cy="5054600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AA6DFD86-5823-4973-9525-59244276C63A}"/>
              </a:ext>
            </a:extLst>
          </p:cNvPr>
          <p:cNvSpPr txBox="1">
            <a:spLocks/>
          </p:cNvSpPr>
          <p:nvPr/>
        </p:nvSpPr>
        <p:spPr>
          <a:xfrm>
            <a:off x="144691" y="83717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 cap="small" baseline="0">
                <a:solidFill>
                  <a:srgbClr val="FCB61A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3200" u="sng" dirty="0"/>
              <a:t>Monthly Report</a:t>
            </a:r>
          </a:p>
        </p:txBody>
      </p:sp>
    </p:spTree>
    <p:extLst>
      <p:ext uri="{BB962C8B-B14F-4D97-AF65-F5344CB8AC3E}">
        <p14:creationId xmlns:p14="http://schemas.microsoft.com/office/powerpoint/2010/main" val="272067596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EDB87F-93EC-469C-BFFA-3BDD43A27D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5503"/>
            <a:ext cx="10515600" cy="991524"/>
          </a:xfrm>
        </p:spPr>
        <p:txBody>
          <a:bodyPr>
            <a:normAutofit/>
          </a:bodyPr>
          <a:lstStyle/>
          <a:p>
            <a:r>
              <a:rPr lang="en-US" dirty="0"/>
              <a:t>Monthly Reporting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F33570C1-6524-4013-8809-C368C4FE6F2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03422" y="1972890"/>
            <a:ext cx="5181600" cy="4351338"/>
          </a:xfrm>
        </p:spPr>
        <p:txBody>
          <a:bodyPr/>
          <a:lstStyle/>
          <a:p>
            <a:r>
              <a:rPr lang="en-US" dirty="0"/>
              <a:t>Due to </a:t>
            </a:r>
            <a:r>
              <a:rPr lang="en-US" dirty="0">
                <a:hlinkClick r:id="rId3"/>
              </a:rPr>
              <a:t>PM@arminstitute.org</a:t>
            </a:r>
            <a:endParaRPr lang="en-US" dirty="0"/>
          </a:p>
          <a:p>
            <a:pPr marL="0" indent="0">
              <a:buNone/>
            </a:pPr>
            <a:r>
              <a:rPr lang="en-US" dirty="0"/>
              <a:t>     on the 15</a:t>
            </a:r>
            <a:r>
              <a:rPr lang="en-US" baseline="30000" dirty="0"/>
              <a:t>th</a:t>
            </a:r>
            <a:r>
              <a:rPr lang="en-US" dirty="0"/>
              <a:t> of each month</a:t>
            </a:r>
          </a:p>
          <a:p>
            <a:pPr marL="685800" lvl="1"/>
            <a:r>
              <a:rPr lang="en-US" dirty="0"/>
              <a:t>Also send to ARM Project Manager</a:t>
            </a:r>
          </a:p>
          <a:p>
            <a:r>
              <a:rPr lang="en-US" dirty="0"/>
              <a:t>Update completion percentages, dates</a:t>
            </a:r>
          </a:p>
          <a:p>
            <a:r>
              <a:rPr lang="en-US" dirty="0"/>
              <a:t>Will be used to discuss progress during monthly call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AA6DFD86-5823-4973-9525-59244276C63A}"/>
              </a:ext>
            </a:extLst>
          </p:cNvPr>
          <p:cNvSpPr txBox="1">
            <a:spLocks/>
          </p:cNvSpPr>
          <p:nvPr/>
        </p:nvSpPr>
        <p:spPr>
          <a:xfrm>
            <a:off x="144691" y="83717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 cap="small" baseline="0">
                <a:solidFill>
                  <a:srgbClr val="FCB61A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3200" u="sng" dirty="0"/>
              <a:t>Plan of Action &amp; Milestones</a:t>
            </a:r>
          </a:p>
        </p:txBody>
      </p:sp>
    </p:spTree>
    <p:extLst>
      <p:ext uri="{BB962C8B-B14F-4D97-AF65-F5344CB8AC3E}">
        <p14:creationId xmlns:p14="http://schemas.microsoft.com/office/powerpoint/2010/main" val="381319313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6731511B-7C8C-4966-AE8E-71DD3A419A87}"/>
              </a:ext>
            </a:extLst>
          </p:cNvPr>
          <p:cNvPicPr preferRelativeResize="0">
            <a:picLocks/>
          </p:cNvPicPr>
          <p:nvPr/>
        </p:nvPicPr>
        <p:blipFill>
          <a:blip r:embed="rId2"/>
          <a:stretch>
            <a:fillRect/>
          </a:stretch>
        </p:blipFill>
        <p:spPr>
          <a:xfrm>
            <a:off x="4048142" y="1085443"/>
            <a:ext cx="5212080" cy="3785616"/>
          </a:xfrm>
          <a:prstGeom prst="rect">
            <a:avLst/>
          </a:prstGeom>
          <a:ln w="9525">
            <a:solidFill>
              <a:schemeClr val="tx1"/>
            </a:solidFill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8D2E7CF8-D388-4BA4-A7F3-2BCAD4C9F9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5504"/>
            <a:ext cx="10515600" cy="1049939"/>
          </a:xfrm>
        </p:spPr>
        <p:txBody>
          <a:bodyPr/>
          <a:lstStyle/>
          <a:p>
            <a:r>
              <a:rPr lang="en-US" dirty="0"/>
              <a:t>Monthly Reporting (cont.)</a:t>
            </a:r>
          </a:p>
        </p:txBody>
      </p:sp>
      <p:sp>
        <p:nvSpPr>
          <p:cNvPr id="6" name="Content Placeholder 4">
            <a:extLst>
              <a:ext uri="{FF2B5EF4-FFF2-40B4-BE49-F238E27FC236}">
                <a16:creationId xmlns:a16="http://schemas.microsoft.com/office/drawing/2014/main" id="{8A0ED0CE-84EB-4CB3-98EF-133F4937DF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52872" y="1726771"/>
            <a:ext cx="3695973" cy="4351338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sz="2000" dirty="0"/>
              <a:t>Due to </a:t>
            </a:r>
            <a:r>
              <a:rPr lang="en-US" sz="2000" dirty="0">
                <a:hlinkClick r:id="rId3"/>
              </a:rPr>
              <a:t>PM@arminstitute.org</a:t>
            </a:r>
            <a:r>
              <a:rPr lang="en-US" sz="2000" dirty="0"/>
              <a:t> on the 15th of each month</a:t>
            </a:r>
          </a:p>
          <a:p>
            <a:pPr lvl="1"/>
            <a:r>
              <a:rPr lang="en-US" sz="1600" dirty="0"/>
              <a:t>Also send to ARM Project Manager</a:t>
            </a:r>
          </a:p>
          <a:p>
            <a:r>
              <a:rPr lang="en-US" sz="2000" dirty="0"/>
              <a:t>Represents outward facing view of projects</a:t>
            </a:r>
          </a:p>
          <a:p>
            <a:r>
              <a:rPr lang="en-US" sz="2000" dirty="0"/>
              <a:t>Way to show off accomplishments – think of ARM membership as the primary audienc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0A8F028-F1EF-43FA-AF4E-D97FAA5DE748}"/>
              </a:ext>
            </a:extLst>
          </p:cNvPr>
          <p:cNvSpPr txBox="1"/>
          <p:nvPr/>
        </p:nvSpPr>
        <p:spPr>
          <a:xfrm>
            <a:off x="10708110" y="2552463"/>
            <a:ext cx="129137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Instruction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4A7E050-B16B-49C0-8F73-9DA1A415AD71}"/>
              </a:ext>
            </a:extLst>
          </p:cNvPr>
          <p:cNvSpPr txBox="1"/>
          <p:nvPr/>
        </p:nvSpPr>
        <p:spPr>
          <a:xfrm>
            <a:off x="3926016" y="4994551"/>
            <a:ext cx="69442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Quad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1351B3B-54BF-4712-8A66-484AF1F2E23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49151" y="2978251"/>
            <a:ext cx="5588869" cy="3171825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49106F25-3947-410D-8330-91E5CFCB0AF5}"/>
              </a:ext>
            </a:extLst>
          </p:cNvPr>
          <p:cNvSpPr/>
          <p:nvPr/>
        </p:nvSpPr>
        <p:spPr>
          <a:xfrm>
            <a:off x="4786475" y="3244334"/>
            <a:ext cx="261905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Monthly Reporting (cont.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C71029CF-3A14-45E5-BBF8-10AF453FF6D8}"/>
              </a:ext>
            </a:extLst>
          </p:cNvPr>
          <p:cNvSpPr txBox="1">
            <a:spLocks/>
          </p:cNvSpPr>
          <p:nvPr/>
        </p:nvSpPr>
        <p:spPr>
          <a:xfrm>
            <a:off x="228666" y="711054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 cap="small" baseline="0">
                <a:solidFill>
                  <a:srgbClr val="FCB61A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3200" u="sng" dirty="0"/>
              <a:t>Quad Chart</a:t>
            </a:r>
          </a:p>
        </p:txBody>
      </p:sp>
    </p:spTree>
    <p:extLst>
      <p:ext uri="{BB962C8B-B14F-4D97-AF65-F5344CB8AC3E}">
        <p14:creationId xmlns:p14="http://schemas.microsoft.com/office/powerpoint/2010/main" val="56518909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A099D9A0-5473-488F-9BB5-BD4CFE57A97C}"/>
              </a:ext>
            </a:extLst>
          </p:cNvPr>
          <p:cNvPicPr>
            <a:picLocks/>
          </p:cNvPicPr>
          <p:nvPr/>
        </p:nvPicPr>
        <p:blipFill>
          <a:blip r:embed="rId2"/>
          <a:stretch>
            <a:fillRect/>
          </a:stretch>
        </p:blipFill>
        <p:spPr>
          <a:xfrm>
            <a:off x="4711958" y="1203648"/>
            <a:ext cx="3452328" cy="4748121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901404D-CCA5-47DF-A678-B5BCD686339D}"/>
              </a:ext>
            </a:extLst>
          </p:cNvPr>
          <p:cNvPicPr>
            <a:picLocks/>
          </p:cNvPicPr>
          <p:nvPr/>
        </p:nvPicPr>
        <p:blipFill>
          <a:blip r:embed="rId3"/>
          <a:stretch>
            <a:fillRect/>
          </a:stretch>
        </p:blipFill>
        <p:spPr>
          <a:xfrm>
            <a:off x="8381440" y="1203648"/>
            <a:ext cx="3452328" cy="4801825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F7EE1DF-2566-4AD5-AA7F-1554D0E1FC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25" y="852527"/>
            <a:ext cx="10515600" cy="1325563"/>
          </a:xfrm>
        </p:spPr>
        <p:txBody>
          <a:bodyPr>
            <a:normAutofit/>
          </a:bodyPr>
          <a:lstStyle/>
          <a:p>
            <a:r>
              <a:rPr lang="en-US" sz="3200" u="sng" dirty="0"/>
              <a:t>Cost Share For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9C5B686-4557-41A0-A664-54987E332AD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4825" y="1822499"/>
            <a:ext cx="3799280" cy="4351338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sz="1800" dirty="0"/>
              <a:t>Due to </a:t>
            </a:r>
            <a:r>
              <a:rPr lang="en-US" sz="1600" dirty="0">
                <a:hlinkClick r:id="rId4"/>
              </a:rPr>
              <a:t>costshare@arminstitute.org</a:t>
            </a:r>
            <a:r>
              <a:rPr lang="en-US" sz="1600" dirty="0"/>
              <a:t> </a:t>
            </a:r>
            <a:r>
              <a:rPr lang="en-US" sz="1800" dirty="0"/>
              <a:t>15th of each month</a:t>
            </a:r>
          </a:p>
          <a:p>
            <a:r>
              <a:rPr lang="en-US" sz="1800" dirty="0"/>
              <a:t>Covers CS from previous month</a:t>
            </a:r>
          </a:p>
          <a:p>
            <a:pPr lvl="1"/>
            <a:r>
              <a:rPr lang="en-US" sz="1600" dirty="0" err="1"/>
              <a:t>Eg</a:t>
            </a:r>
            <a:r>
              <a:rPr lang="en-US" sz="1600" dirty="0"/>
              <a:t>: April 15 submittal covers CS from 3/1-3/31</a:t>
            </a:r>
          </a:p>
          <a:p>
            <a:r>
              <a:rPr lang="en-US" sz="1800" dirty="0"/>
              <a:t>Can use single or multi-organization form</a:t>
            </a:r>
          </a:p>
          <a:p>
            <a:pPr lvl="1"/>
            <a:r>
              <a:rPr lang="en-US" sz="1600" i="1" dirty="0"/>
              <a:t>PI is ultimately responsible for project cost share submissions</a:t>
            </a:r>
          </a:p>
          <a:p>
            <a:r>
              <a:rPr lang="en-US" sz="2000" dirty="0"/>
              <a:t>Visit ARM Community website for official CS guidance policy</a:t>
            </a:r>
          </a:p>
          <a:p>
            <a:pPr marL="457200" lvl="1" indent="0">
              <a:buNone/>
            </a:pPr>
            <a:endParaRPr lang="en-US" sz="20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18321D2B-8BA2-4ABC-9843-DFA0CD81D1E2}"/>
              </a:ext>
            </a:extLst>
          </p:cNvPr>
          <p:cNvSpPr txBox="1">
            <a:spLocks/>
          </p:cNvSpPr>
          <p:nvPr/>
        </p:nvSpPr>
        <p:spPr>
          <a:xfrm>
            <a:off x="838200" y="35504"/>
            <a:ext cx="10515600" cy="104993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 cap="small" baseline="0">
                <a:solidFill>
                  <a:srgbClr val="FCB61A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dirty="0"/>
              <a:t>Monthly Reporting (cont.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EA80081-2274-4BC5-9716-5D0673F54A72}"/>
              </a:ext>
            </a:extLst>
          </p:cNvPr>
          <p:cNvSpPr txBox="1"/>
          <p:nvPr/>
        </p:nvSpPr>
        <p:spPr>
          <a:xfrm>
            <a:off x="8381441" y="3880263"/>
            <a:ext cx="3452328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b="1" u="sng" dirty="0">
                <a:solidFill>
                  <a:srgbClr val="FF0000"/>
                </a:solidFill>
              </a:rPr>
              <a:t>DO NOT </a:t>
            </a:r>
            <a:r>
              <a:rPr lang="en-US" sz="4000" b="1" dirty="0">
                <a:solidFill>
                  <a:srgbClr val="FF0000"/>
                </a:solidFill>
              </a:rPr>
              <a:t>SEND A COPY TO THE PM</a:t>
            </a:r>
          </a:p>
        </p:txBody>
      </p:sp>
    </p:spTree>
    <p:extLst>
      <p:ext uri="{BB962C8B-B14F-4D97-AF65-F5344CB8AC3E}">
        <p14:creationId xmlns:p14="http://schemas.microsoft.com/office/powerpoint/2010/main" val="166826551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93BF018-BC7C-45B0-B22B-4BC2261EB786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838200" y="1509713"/>
            <a:ext cx="10515600" cy="4143375"/>
          </a:xfrm>
        </p:spPr>
        <p:txBody>
          <a:bodyPr>
            <a:normAutofit/>
          </a:bodyPr>
          <a:lstStyle/>
          <a:p>
            <a:r>
              <a:rPr lang="en-US" dirty="0"/>
              <a:t>SF425 </a:t>
            </a:r>
            <a:r>
              <a:rPr lang="en-US" dirty="0">
                <a:hlinkClick r:id="rId2"/>
              </a:rPr>
              <a:t>http://www.arl.army.mil/www/pages/shared/documents/425_ff_report.pdf</a:t>
            </a:r>
            <a:endParaRPr lang="en-US" dirty="0"/>
          </a:p>
          <a:p>
            <a:pPr lvl="1"/>
            <a:r>
              <a:rPr lang="en-US" dirty="0"/>
              <a:t>Send all forms to </a:t>
            </a:r>
            <a:r>
              <a:rPr lang="en-US" i="1" dirty="0"/>
              <a:t>contracts@arminstitute.org </a:t>
            </a:r>
            <a:r>
              <a:rPr lang="en-US" dirty="0"/>
              <a:t>&amp; </a:t>
            </a:r>
            <a:r>
              <a:rPr lang="en-US" i="1" dirty="0"/>
              <a:t>pm@arminstitute.org </a:t>
            </a:r>
          </a:p>
          <a:p>
            <a:pPr marL="0" indent="0">
              <a:buNone/>
            </a:pPr>
            <a:endParaRPr lang="en-US" dirty="0"/>
          </a:p>
          <a:p>
            <a:r>
              <a:rPr lang="en-US" dirty="0"/>
              <a:t>Financial Annual Report </a:t>
            </a:r>
          </a:p>
          <a:p>
            <a:pPr lvl="1"/>
            <a:r>
              <a:rPr lang="en-US" sz="1600" dirty="0"/>
              <a:t>No later than Jan 15th for previous calendar year.</a:t>
            </a:r>
          </a:p>
          <a:p>
            <a:r>
              <a:rPr lang="en-US" dirty="0"/>
              <a:t>Financial Final Report </a:t>
            </a:r>
          </a:p>
          <a:p>
            <a:pPr lvl="1"/>
            <a:r>
              <a:rPr lang="en-US" sz="1600" dirty="0"/>
              <a:t> No later than 60 days from Agreement End Date.</a:t>
            </a:r>
          </a:p>
          <a:p>
            <a:pPr lvl="1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60A500E-DA23-4A5A-86CC-72431EC2C3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inancial Reporting </a:t>
            </a:r>
          </a:p>
        </p:txBody>
      </p:sp>
    </p:spTree>
    <p:extLst>
      <p:ext uri="{BB962C8B-B14F-4D97-AF65-F5344CB8AC3E}">
        <p14:creationId xmlns:p14="http://schemas.microsoft.com/office/powerpoint/2010/main" val="300922071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9ED914-07B9-4C76-B9D1-DD1DAF4E56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6845" y="18153"/>
            <a:ext cx="10515600" cy="830933"/>
          </a:xfrm>
        </p:spPr>
        <p:txBody>
          <a:bodyPr>
            <a:normAutofit/>
          </a:bodyPr>
          <a:lstStyle/>
          <a:p>
            <a:r>
              <a:rPr lang="en-US" dirty="0"/>
              <a:t>Final Reporting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209A23DF-951C-437A-8488-5A525C29EA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201044" y="1198901"/>
            <a:ext cx="3826135" cy="4351338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sz="2400" dirty="0"/>
              <a:t>Due to </a:t>
            </a:r>
            <a:r>
              <a:rPr lang="en-US" sz="2000" dirty="0">
                <a:hlinkClick r:id="rId2"/>
              </a:rPr>
              <a:t>PM@arminstitute.org</a:t>
            </a:r>
            <a:r>
              <a:rPr lang="en-US" sz="2000" dirty="0"/>
              <a:t> no later than 60 days from Agreement End Date.</a:t>
            </a:r>
          </a:p>
          <a:p>
            <a:pPr lvl="1"/>
            <a:r>
              <a:rPr lang="en-US" sz="1600" dirty="0"/>
              <a:t>Also send to ARM Project Manager</a:t>
            </a:r>
          </a:p>
          <a:p>
            <a:r>
              <a:rPr lang="en-US" sz="2400" dirty="0"/>
              <a:t>Detailed Final report</a:t>
            </a:r>
          </a:p>
          <a:p>
            <a:pPr lvl="1"/>
            <a:r>
              <a:rPr lang="en-US" sz="2000" dirty="0"/>
              <a:t>Template provided</a:t>
            </a:r>
          </a:p>
          <a:p>
            <a:r>
              <a:rPr lang="en-US" sz="2400" dirty="0"/>
              <a:t>A complete closeout packet will be sent as the project nears completion (75%)</a:t>
            </a:r>
          </a:p>
          <a:p>
            <a:endParaRPr lang="en-US" sz="2400" dirty="0"/>
          </a:p>
          <a:p>
            <a:endParaRPr lang="en-US" sz="2400" dirty="0"/>
          </a:p>
          <a:p>
            <a:endParaRPr lang="en-US" sz="24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6DD593A-86FA-4DFC-8695-C4D487DB82E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18566" y="755779"/>
            <a:ext cx="3926603" cy="5075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3780269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9ED914-07B9-4C76-B9D1-DD1DAF4E56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6845" y="18153"/>
            <a:ext cx="10515600" cy="830933"/>
          </a:xfrm>
        </p:spPr>
        <p:txBody>
          <a:bodyPr>
            <a:normAutofit/>
          </a:bodyPr>
          <a:lstStyle/>
          <a:p>
            <a:r>
              <a:rPr lang="en-US" dirty="0"/>
              <a:t>Final Presentation &amp; Demo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D0092A9-BDE8-4005-B9F1-6779530BA8F8}"/>
              </a:ext>
            </a:extLst>
          </p:cNvPr>
          <p:cNvSpPr txBox="1">
            <a:spLocks/>
          </p:cNvSpPr>
          <p:nvPr/>
        </p:nvSpPr>
        <p:spPr>
          <a:xfrm>
            <a:off x="201043" y="1198901"/>
            <a:ext cx="11161401" cy="4351338"/>
          </a:xfr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457200" indent="-4572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rgbClr val="FCB61A"/>
              </a:buClr>
              <a:buFont typeface="Wingdings" panose="05000000000000000000" pitchFamily="2" charset="2"/>
              <a:buChar char="§"/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800100" indent="-3429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FCB61A"/>
              </a:buClr>
              <a:buFont typeface="Wingdings" panose="05000000000000000000" pitchFamily="2" charset="2"/>
              <a:buChar char="§"/>
              <a:defRPr sz="24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257300" indent="-3429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FCB61A"/>
              </a:buClr>
              <a:buFont typeface="Wingdings" panose="05000000000000000000" pitchFamily="2" charset="2"/>
              <a:buChar char="§"/>
              <a:defRPr sz="20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573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FCB61A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2114550" indent="-28575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FCB61A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/>
              <a:t>A Final Presentation and Demonstration of the Project is required</a:t>
            </a:r>
          </a:p>
          <a:p>
            <a:pPr lvl="1"/>
            <a:r>
              <a:rPr lang="en-US" sz="2000" dirty="0"/>
              <a:t>These will often be combined into 1 session, but are 2 distinct deliverables</a:t>
            </a:r>
          </a:p>
          <a:p>
            <a:pPr lvl="1"/>
            <a:r>
              <a:rPr lang="en-US" sz="2000" dirty="0"/>
              <a:t>The presentation portion covers the project in-depth from idea to finish and allows for audience questions</a:t>
            </a:r>
          </a:p>
          <a:p>
            <a:pPr lvl="2"/>
            <a:r>
              <a:rPr lang="en-US" sz="1600" dirty="0"/>
              <a:t>This will likely be accomplished through webinar</a:t>
            </a:r>
          </a:p>
          <a:p>
            <a:pPr lvl="1"/>
            <a:r>
              <a:rPr lang="en-US" sz="2000" dirty="0"/>
              <a:t>The demonstration is the function of the end result or CDIP.  This includes in-person and/or through video</a:t>
            </a:r>
          </a:p>
          <a:p>
            <a:pPr lvl="1"/>
            <a:endParaRPr lang="en-US" sz="2000" dirty="0"/>
          </a:p>
          <a:p>
            <a:r>
              <a:rPr lang="en-US" sz="2400" dirty="0"/>
              <a:t>These serve to tell the story of the project and to highlight its success</a:t>
            </a:r>
          </a:p>
          <a:p>
            <a:pPr lvl="1"/>
            <a:r>
              <a:rPr lang="en-US" sz="2000" dirty="0"/>
              <a:t>Audience is ARM, ARM Membership, Government team, and any applicable project VIPs</a:t>
            </a:r>
          </a:p>
          <a:p>
            <a:pPr lvl="1"/>
            <a:endParaRPr lang="en-US" sz="2000" dirty="0"/>
          </a:p>
          <a:p>
            <a:r>
              <a:rPr lang="en-US" sz="2400" dirty="0"/>
              <a:t>Must be within </a:t>
            </a:r>
            <a:r>
              <a:rPr lang="en-US" sz="2400" dirty="0" err="1"/>
              <a:t>PoP</a:t>
            </a:r>
            <a:r>
              <a:rPr lang="en-US" sz="2400" dirty="0"/>
              <a:t> in order to invoice or claim as project cost share</a:t>
            </a:r>
          </a:p>
          <a:p>
            <a:endParaRPr lang="en-US" sz="2400" dirty="0"/>
          </a:p>
          <a:p>
            <a:r>
              <a:rPr lang="en-US" sz="2400" dirty="0"/>
              <a:t>Guidance will be delivered as the project nears its end</a:t>
            </a:r>
          </a:p>
          <a:p>
            <a:endParaRPr lang="en-US" sz="2400" dirty="0"/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82206318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93BF018-BC7C-45B0-B22B-4BC2261EB786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838200" y="1509713"/>
            <a:ext cx="10515600" cy="4143375"/>
          </a:xfrm>
        </p:spPr>
        <p:txBody>
          <a:bodyPr>
            <a:normAutofit/>
          </a:bodyPr>
          <a:lstStyle/>
          <a:p>
            <a:r>
              <a:rPr lang="en-US" dirty="0"/>
              <a:t>Delivered formally at 25%, 50%, 75% meetings and at project completion</a:t>
            </a:r>
          </a:p>
          <a:p>
            <a:r>
              <a:rPr lang="en-US" dirty="0"/>
              <a:t>Evaluated on various factors ARM PMs track</a:t>
            </a:r>
          </a:p>
          <a:p>
            <a:pPr lvl="1"/>
            <a:r>
              <a:rPr lang="en-US" dirty="0"/>
              <a:t>On-time submission of required documents</a:t>
            </a:r>
          </a:p>
          <a:p>
            <a:pPr lvl="1"/>
            <a:r>
              <a:rPr lang="en-US" dirty="0"/>
              <a:t>Forms and documents filled-out correctly</a:t>
            </a:r>
          </a:p>
          <a:p>
            <a:pPr lvl="1"/>
            <a:r>
              <a:rPr lang="en-US" dirty="0"/>
              <a:t>Overall project schedule progress</a:t>
            </a:r>
          </a:p>
          <a:p>
            <a:pPr lvl="2"/>
            <a:r>
              <a:rPr lang="en-US" dirty="0"/>
              <a:t>Completion of tasks</a:t>
            </a:r>
          </a:p>
          <a:p>
            <a:pPr lvl="2"/>
            <a:r>
              <a:rPr lang="en-US" dirty="0"/>
              <a:t>Invoice/CS budget</a:t>
            </a:r>
          </a:p>
          <a:p>
            <a:r>
              <a:rPr lang="en-US" dirty="0"/>
              <a:t>Results feed into end of project ARM review, results of which are considered in future project calls and funding opportunities</a:t>
            </a:r>
          </a:p>
          <a:p>
            <a:pPr lvl="2"/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60A500E-DA23-4A5A-86CC-72431EC2C3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gram Feedback</a:t>
            </a:r>
          </a:p>
        </p:txBody>
      </p:sp>
    </p:spTree>
    <p:extLst>
      <p:ext uri="{BB962C8B-B14F-4D97-AF65-F5344CB8AC3E}">
        <p14:creationId xmlns:p14="http://schemas.microsoft.com/office/powerpoint/2010/main" val="381104204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93BF018-BC7C-45B0-B22B-4BC2261EB786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838200" y="1509713"/>
            <a:ext cx="10515600" cy="4143375"/>
          </a:xfrm>
        </p:spPr>
        <p:txBody>
          <a:bodyPr>
            <a:normAutofit lnSpcReduction="10000"/>
          </a:bodyPr>
          <a:lstStyle/>
          <a:p>
            <a:r>
              <a:rPr lang="en-US" dirty="0"/>
              <a:t>Specified in Subaward and ARM membership agreement</a:t>
            </a:r>
          </a:p>
          <a:p>
            <a:r>
              <a:rPr lang="en-US" dirty="0"/>
              <a:t>General guidance: any publication, or media release involving ARM or Gov’t must be approved by ARM.  </a:t>
            </a:r>
          </a:p>
          <a:p>
            <a:pPr lvl="1"/>
            <a:r>
              <a:rPr lang="en-US" i="1" dirty="0"/>
              <a:t>Submit ASAP, but </a:t>
            </a:r>
            <a:r>
              <a:rPr lang="en-US" b="1" i="1" dirty="0"/>
              <a:t>NLT 1 month </a:t>
            </a:r>
            <a:r>
              <a:rPr lang="en-US" i="1" dirty="0"/>
              <a:t>before desired publishing date</a:t>
            </a:r>
          </a:p>
          <a:p>
            <a:endParaRPr lang="en-US" dirty="0"/>
          </a:p>
          <a:p>
            <a:r>
              <a:rPr lang="en-US" dirty="0"/>
              <a:t>Send request with pertinent info to ARM PM</a:t>
            </a:r>
          </a:p>
          <a:p>
            <a:r>
              <a:rPr lang="en-US" dirty="0"/>
              <a:t>CC the following</a:t>
            </a:r>
          </a:p>
          <a:p>
            <a:pPr lvl="1"/>
            <a:r>
              <a:rPr lang="en-US" dirty="0"/>
              <a:t>suzy.teele@arminstitute.org</a:t>
            </a:r>
          </a:p>
          <a:p>
            <a:pPr lvl="1"/>
            <a:r>
              <a:rPr lang="en-US" dirty="0"/>
              <a:t>chuck.brandt@arminstitute.org [TECH] </a:t>
            </a:r>
            <a:r>
              <a:rPr lang="en-US" sz="1800" i="1" dirty="0"/>
              <a:t>or</a:t>
            </a:r>
            <a:r>
              <a:rPr lang="en-US" dirty="0"/>
              <a:t> stephen.catt@arminstitute.org  [EWD]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60A500E-DA23-4A5A-86CC-72431EC2C3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dia &amp; Publication Policy</a:t>
            </a:r>
          </a:p>
        </p:txBody>
      </p:sp>
      <p:graphicFrame>
        <p:nvGraphicFramePr>
          <p:cNvPr id="4" name="Object 3">
            <a:extLst>
              <a:ext uri="{FF2B5EF4-FFF2-40B4-BE49-F238E27FC236}">
                <a16:creationId xmlns:a16="http://schemas.microsoft.com/office/drawing/2014/main" id="{C8562025-9685-4C9D-9EFF-C48A32962198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819191490"/>
              </p:ext>
            </p:extLst>
          </p:nvPr>
        </p:nvGraphicFramePr>
        <p:xfrm>
          <a:off x="8878078" y="3226459"/>
          <a:ext cx="1284514" cy="113287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Acrobat Document" showAsIcon="1" r:id="rId3" imgW="914400" imgH="806400" progId="AcroExch.Document.DC">
                  <p:embed/>
                </p:oleObj>
              </mc:Choice>
              <mc:Fallback>
                <p:oleObj name="Acrobat Document" showAsIcon="1" r:id="rId3" imgW="914400" imgH="806400" progId="AcroExch.Document.DC">
                  <p:embed/>
                  <p:pic>
                    <p:nvPicPr>
                      <p:cNvPr id="4" name="Object 3">
                        <a:extLst>
                          <a:ext uri="{FF2B5EF4-FFF2-40B4-BE49-F238E27FC236}">
                            <a16:creationId xmlns:a16="http://schemas.microsoft.com/office/drawing/2014/main" id="{C8562025-9685-4C9D-9EFF-C48A3296219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878078" y="3226459"/>
                        <a:ext cx="1284514" cy="113287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61464831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7F8ECA05-461F-47EA-894D-25CA5178B1B3}"/>
              </a:ext>
            </a:extLst>
          </p:cNvPr>
          <p:cNvSpPr>
            <a:spLocks noGrp="1"/>
          </p:cNvSpPr>
          <p:nvPr>
            <p:ph idx="13"/>
          </p:nvPr>
        </p:nvSpPr>
        <p:spPr/>
        <p:txBody>
          <a:bodyPr>
            <a:normAutofit/>
          </a:bodyPr>
          <a:lstStyle/>
          <a:p>
            <a:r>
              <a:rPr lang="en-US" dirty="0"/>
              <a:t>Who are the best contacts for the project?</a:t>
            </a:r>
          </a:p>
          <a:p>
            <a:pPr lvl="1"/>
            <a:r>
              <a:rPr lang="en-US" dirty="0"/>
              <a:t>Team meetings already in place?</a:t>
            </a:r>
          </a:p>
          <a:p>
            <a:pPr lvl="1"/>
            <a:r>
              <a:rPr lang="en-US" dirty="0"/>
              <a:t>Preferred meeting software?</a:t>
            </a:r>
          </a:p>
          <a:p>
            <a:pPr lvl="1"/>
            <a:r>
              <a:rPr lang="en-US" dirty="0" err="1"/>
              <a:t>Fileshare</a:t>
            </a:r>
            <a:r>
              <a:rPr lang="en-US" dirty="0"/>
              <a:t> or other software being used?</a:t>
            </a:r>
          </a:p>
          <a:p>
            <a:r>
              <a:rPr lang="en-US" dirty="0"/>
              <a:t>How will the project handle Cost Share reporting?</a:t>
            </a:r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  <a:p>
            <a:r>
              <a:rPr lang="en-US" dirty="0"/>
              <a:t>Questions for ARM Staff?</a:t>
            </a:r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2EDBFE6-86DE-4EFB-8026-79554C1B57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s and Take-Aways	</a:t>
            </a:r>
          </a:p>
        </p:txBody>
      </p:sp>
    </p:spTree>
    <p:extLst>
      <p:ext uri="{BB962C8B-B14F-4D97-AF65-F5344CB8AC3E}">
        <p14:creationId xmlns:p14="http://schemas.microsoft.com/office/powerpoint/2010/main" val="18309960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E2E6C0-05FB-4FE8-BBA8-0151B4411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ick-off Meeting Agenda &amp; Goal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C58FA3-97C2-41FE-B9C5-8BC2775AD22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464104"/>
            <a:ext cx="5334000" cy="4351338"/>
          </a:xfrm>
        </p:spPr>
        <p:txBody>
          <a:bodyPr>
            <a:normAutofit/>
          </a:bodyPr>
          <a:lstStyle/>
          <a:p>
            <a:r>
              <a:rPr lang="en-US" dirty="0"/>
              <a:t>Agenda</a:t>
            </a:r>
          </a:p>
          <a:p>
            <a:pPr lvl="1"/>
            <a:r>
              <a:rPr lang="en-US" dirty="0"/>
              <a:t>Project Overview </a:t>
            </a:r>
            <a:r>
              <a:rPr lang="en-US" sz="1200" dirty="0"/>
              <a:t>(Project Team)</a:t>
            </a:r>
          </a:p>
          <a:p>
            <a:pPr lvl="1"/>
            <a:r>
              <a:rPr lang="en-US" dirty="0"/>
              <a:t>CDIP Goals </a:t>
            </a:r>
            <a:r>
              <a:rPr lang="en-US" sz="1200" dirty="0"/>
              <a:t>(Project Team)</a:t>
            </a:r>
          </a:p>
          <a:p>
            <a:pPr lvl="1"/>
            <a:r>
              <a:rPr lang="en-US" dirty="0"/>
              <a:t>Reporting and Meeting Expectations </a:t>
            </a:r>
            <a:r>
              <a:rPr lang="en-US" sz="1200" dirty="0"/>
              <a:t>(ARM PM)</a:t>
            </a:r>
          </a:p>
          <a:p>
            <a:pPr lvl="1"/>
            <a:r>
              <a:rPr lang="en-US" dirty="0"/>
              <a:t>Cost Share Guidance </a:t>
            </a:r>
            <a:r>
              <a:rPr lang="en-US" sz="1200" dirty="0"/>
              <a:t>(ARM CFO &amp; PM)</a:t>
            </a:r>
            <a:endParaRPr lang="en-US" dirty="0"/>
          </a:p>
          <a:p>
            <a:pPr lvl="1"/>
            <a:r>
              <a:rPr lang="en-US" dirty="0"/>
              <a:t>Publication Guidance </a:t>
            </a:r>
            <a:r>
              <a:rPr lang="en-US" sz="1200" dirty="0"/>
              <a:t>(ARM PM)</a:t>
            </a:r>
          </a:p>
          <a:p>
            <a:pPr lvl="1"/>
            <a:r>
              <a:rPr lang="en-US" dirty="0"/>
              <a:t>Evaluation Guidance </a:t>
            </a:r>
            <a:r>
              <a:rPr lang="en-US" sz="1200" dirty="0"/>
              <a:t>(ARM PM)</a:t>
            </a:r>
          </a:p>
          <a:p>
            <a:pPr lvl="1"/>
            <a:r>
              <a:rPr lang="en-US" dirty="0"/>
              <a:t>Final Demonstration </a:t>
            </a:r>
            <a:r>
              <a:rPr lang="en-US" sz="1200" dirty="0"/>
              <a:t>(ARM/Project Team)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7BFB906-F170-46A6-8AE5-C7760D00C056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r>
              <a:rPr lang="en-US" dirty="0"/>
              <a:t>Deliverables </a:t>
            </a:r>
          </a:p>
          <a:p>
            <a:pPr lvl="1"/>
            <a:r>
              <a:rPr lang="en-US" dirty="0"/>
              <a:t>Task/Milestones schedule </a:t>
            </a:r>
          </a:p>
          <a:p>
            <a:pPr lvl="1"/>
            <a:r>
              <a:rPr lang="en-US" dirty="0"/>
              <a:t>Invoice/Cost Share burn rates</a:t>
            </a:r>
          </a:p>
          <a:p>
            <a:pPr lvl="1"/>
            <a:r>
              <a:rPr lang="en-US" dirty="0"/>
              <a:t>Re-occurring meeting times scheduled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746728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480" name="OTLSHAPE_M_2a595950d1df4e51a2301f9b0d9d2c22_Connector1">
            <a:extLst>
              <a:ext uri="{FF2B5EF4-FFF2-40B4-BE49-F238E27FC236}">
                <a16:creationId xmlns:a16="http://schemas.microsoft.com/office/drawing/2014/main" id="{1BEBFF1D-F969-4B05-925B-F3C27E66358E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1329270" y="2946400"/>
            <a:ext cx="0" cy="61904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9" name="OTLSHAPE_M_3e3210132cf149eda584b274488087c1_Connector1">
            <a:extLst>
              <a:ext uri="{FF2B5EF4-FFF2-40B4-BE49-F238E27FC236}">
                <a16:creationId xmlns:a16="http://schemas.microsoft.com/office/drawing/2014/main" id="{EE259B46-D4A2-4099-91BF-8FBD7B64484B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484469" y="2946400"/>
            <a:ext cx="0" cy="4485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8" name="OTLSHAPE_M_cb62c24e1c5a4c9eafa2aea5fa05b90c_Connector2">
            <a:extLst>
              <a:ext uri="{FF2B5EF4-FFF2-40B4-BE49-F238E27FC236}">
                <a16:creationId xmlns:a16="http://schemas.microsoft.com/office/drawing/2014/main" id="{D78B3280-7A6D-41F6-BAE6-36D7BE24EB1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721951" y="3513243"/>
            <a:ext cx="0" cy="3469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7" name="OTLSHAPE_M_cb62c24e1c5a4c9eafa2aea5fa05b90c_Connector1">
            <a:extLst>
              <a:ext uri="{FF2B5EF4-FFF2-40B4-BE49-F238E27FC236}">
                <a16:creationId xmlns:a16="http://schemas.microsoft.com/office/drawing/2014/main" id="{F5EB8E25-FDC5-4D5D-95BD-BF80E83D5AB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21951" y="2946400"/>
            <a:ext cx="0" cy="39632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6" name="OTLSHAPE_M_e9301fae580f450794f56b11d24f08d1_Connector1">
            <a:extLst>
              <a:ext uri="{FF2B5EF4-FFF2-40B4-BE49-F238E27FC236}">
                <a16:creationId xmlns:a16="http://schemas.microsoft.com/office/drawing/2014/main" id="{E41C6E98-61F3-49F9-9B77-E86BB756A24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008628" y="2946400"/>
            <a:ext cx="0" cy="4485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5" name="OTLSHAPE_M_3f2d0e53f6744e1fba68b59ec74687c8_Connector2">
            <a:extLst>
              <a:ext uri="{FF2B5EF4-FFF2-40B4-BE49-F238E27FC236}">
                <a16:creationId xmlns:a16="http://schemas.microsoft.com/office/drawing/2014/main" id="{E7B011C2-9EA3-4BD2-8D00-ED07ED64ED4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246110" y="3513243"/>
            <a:ext cx="0" cy="81216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4" name="OTLSHAPE_M_3f2d0e53f6744e1fba68b59ec74687c8_Connector1">
            <a:extLst>
              <a:ext uri="{FF2B5EF4-FFF2-40B4-BE49-F238E27FC236}">
                <a16:creationId xmlns:a16="http://schemas.microsoft.com/office/drawing/2014/main" id="{72656F3D-566A-4EFD-A3DD-B62BDEA7B6D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246110" y="2946400"/>
            <a:ext cx="0" cy="39632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3" name="OTLSHAPE_M_ff3d06a4977e483db9223990f0b32431_Connector1">
            <a:extLst>
              <a:ext uri="{FF2B5EF4-FFF2-40B4-BE49-F238E27FC236}">
                <a16:creationId xmlns:a16="http://schemas.microsoft.com/office/drawing/2014/main" id="{E6985D84-4130-4F8D-9919-0A7EDD7ABBE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483592" y="2946400"/>
            <a:ext cx="0" cy="4485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2" name="OTLSHAPE_M_f4fa24adddda4cd9833d74dbbb8a5676_Connector2">
            <a:extLst>
              <a:ext uri="{FF2B5EF4-FFF2-40B4-BE49-F238E27FC236}">
                <a16:creationId xmlns:a16="http://schemas.microsoft.com/office/drawing/2014/main" id="{024108E8-4EC2-4C0C-8761-BD41B0FCA16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745671" y="3513243"/>
            <a:ext cx="0" cy="3469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1" name="OTLSHAPE_M_f4fa24adddda4cd9833d74dbbb8a5676_Connector1">
            <a:extLst>
              <a:ext uri="{FF2B5EF4-FFF2-40B4-BE49-F238E27FC236}">
                <a16:creationId xmlns:a16="http://schemas.microsoft.com/office/drawing/2014/main" id="{F1BEDA88-56AB-46A6-9B9E-28D267E535F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745671" y="2946400"/>
            <a:ext cx="0" cy="39632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0" name="OTLSHAPE_M_f0a32ff8691b418888b37ca24fb04414_Connector1">
            <a:extLst>
              <a:ext uri="{FF2B5EF4-FFF2-40B4-BE49-F238E27FC236}">
                <a16:creationId xmlns:a16="http://schemas.microsoft.com/office/drawing/2014/main" id="{51EC05A5-1FBF-4CEC-B0FC-F52915BCDDF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983154" y="2946400"/>
            <a:ext cx="0" cy="4485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9" name="OTLSHAPE_M_c9c3a88a98694fdfabcd660e01760999_Connector2">
            <a:extLst>
              <a:ext uri="{FF2B5EF4-FFF2-40B4-BE49-F238E27FC236}">
                <a16:creationId xmlns:a16="http://schemas.microsoft.com/office/drawing/2014/main" id="{5D4726D3-1A58-4A5F-8431-205725D5EC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245233" y="3513243"/>
            <a:ext cx="0" cy="3469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8" name="OTLSHAPE_M_c9c3a88a98694fdfabcd660e01760999_Connector1">
            <a:extLst>
              <a:ext uri="{FF2B5EF4-FFF2-40B4-BE49-F238E27FC236}">
                <a16:creationId xmlns:a16="http://schemas.microsoft.com/office/drawing/2014/main" id="{4D0BE136-52DA-4E66-B6B0-D69CD624979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245233" y="2946400"/>
            <a:ext cx="0" cy="39632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7" name="OTLSHAPE_M_41596a7d03a649d7b07971ba69273eff_Connector1">
            <a:extLst>
              <a:ext uri="{FF2B5EF4-FFF2-40B4-BE49-F238E27FC236}">
                <a16:creationId xmlns:a16="http://schemas.microsoft.com/office/drawing/2014/main" id="{18AF088C-1A78-407C-A100-8402D7D39CA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482715" y="2946400"/>
            <a:ext cx="0" cy="4485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6" name="OTLSHAPE_M_d0195fe76ce846fd8240117dafc0136e_Connector2">
            <a:extLst>
              <a:ext uri="{FF2B5EF4-FFF2-40B4-BE49-F238E27FC236}">
                <a16:creationId xmlns:a16="http://schemas.microsoft.com/office/drawing/2014/main" id="{3B9AA3EF-8D6C-41B5-8E62-55B413EAB76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2720197" y="3513243"/>
            <a:ext cx="0" cy="3469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5" name="OTLSHAPE_M_d0195fe76ce846fd8240117dafc0136e_Connector1">
            <a:extLst>
              <a:ext uri="{FF2B5EF4-FFF2-40B4-BE49-F238E27FC236}">
                <a16:creationId xmlns:a16="http://schemas.microsoft.com/office/drawing/2014/main" id="{F7286806-4363-4E47-8B81-686E3EBB321F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720197" y="2946400"/>
            <a:ext cx="0" cy="39632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4" name="OTLSHAPE_M_67845b0efb4348f78c331700b8e94b21_Connector1">
            <a:extLst>
              <a:ext uri="{FF2B5EF4-FFF2-40B4-BE49-F238E27FC236}">
                <a16:creationId xmlns:a16="http://schemas.microsoft.com/office/drawing/2014/main" id="{F54B410C-6C32-492C-8421-9BCD3C407BC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982276" y="2946400"/>
            <a:ext cx="0" cy="4485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3" name="OTLSHAPE_M_a7cf4e4726ee48d895e2be40671381dd_Connector1">
            <a:extLst>
              <a:ext uri="{FF2B5EF4-FFF2-40B4-BE49-F238E27FC236}">
                <a16:creationId xmlns:a16="http://schemas.microsoft.com/office/drawing/2014/main" id="{9D8BCF52-BF87-4EFF-939E-8298AD2CB65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219759" y="2946400"/>
            <a:ext cx="0" cy="91376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2" name="OTLSHAPE_M_8adae65f0cee43ff9c8e53664060957e_Connector1">
            <a:extLst>
              <a:ext uri="{FF2B5EF4-FFF2-40B4-BE49-F238E27FC236}">
                <a16:creationId xmlns:a16="http://schemas.microsoft.com/office/drawing/2014/main" id="{DED9797E-D0E5-4ADA-A43B-792F7AAC8FB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246110" y="2116878"/>
            <a:ext cx="0" cy="4485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1" name="OTLSHAPE_M_972a1264b027436a9f8042a02523f343_Connector1">
            <a:extLst>
              <a:ext uri="{FF2B5EF4-FFF2-40B4-BE49-F238E27FC236}">
                <a16:creationId xmlns:a16="http://schemas.microsoft.com/office/drawing/2014/main" id="{BA31968A-FC8E-4140-A895-684E77DB5EC8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483592" y="1651635"/>
            <a:ext cx="0" cy="91376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0" name="OTLSHAPE_M_e405e8ea85af4416a43b6f449d69ba59_Connector1">
            <a:extLst>
              <a:ext uri="{FF2B5EF4-FFF2-40B4-BE49-F238E27FC236}">
                <a16:creationId xmlns:a16="http://schemas.microsoft.com/office/drawing/2014/main" id="{F8918598-29FC-4387-8EBE-BF5066806CC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904276" y="2116878"/>
            <a:ext cx="0" cy="4485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59" name="OTLSHAPE_M_b476e954976b4971bece1f936d995adb_Connector1">
            <a:extLst>
              <a:ext uri="{FF2B5EF4-FFF2-40B4-BE49-F238E27FC236}">
                <a16:creationId xmlns:a16="http://schemas.microsoft.com/office/drawing/2014/main" id="{08E4AA78-CBA2-4213-BEC6-770F23881872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853430" y="2116878"/>
            <a:ext cx="0" cy="44852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58" name="OTLSHAPE_M_06f3f8edbc1b4a97a55982487a2dbda4_Connector1">
            <a:extLst>
              <a:ext uri="{FF2B5EF4-FFF2-40B4-BE49-F238E27FC236}">
                <a16:creationId xmlns:a16="http://schemas.microsoft.com/office/drawing/2014/main" id="{A4989E24-5CB0-4060-8581-DB6D0446BC56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75396" y="1619885"/>
            <a:ext cx="0" cy="94551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45" name="OTLSHAPE_TB_00000000000000000000000000000000_LeftEndCaps">
            <a:extLst>
              <a:ext uri="{FF2B5EF4-FFF2-40B4-BE49-F238E27FC236}">
                <a16:creationId xmlns:a16="http://schemas.microsoft.com/office/drawing/2014/main" id="{AF6249A5-3FAD-4A2B-BA38-D343193250C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54000" y="2616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dk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7446" name="OTLSHAPE_TB_00000000000000000000000000000000_RightEndCaps">
            <a:extLst>
              <a:ext uri="{FF2B5EF4-FFF2-40B4-BE49-F238E27FC236}">
                <a16:creationId xmlns:a16="http://schemas.microsoft.com/office/drawing/2014/main" id="{ED488061-D4D7-404B-A733-B57E5D2B30DC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1474534" y="2616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447" name="OTLSHAPE_TB_00000000000000000000000000000000_ScaleContainer">
            <a:extLst>
              <a:ext uri="{FF2B5EF4-FFF2-40B4-BE49-F238E27FC236}">
                <a16:creationId xmlns:a16="http://schemas.microsoft.com/office/drawing/2014/main" id="{88C7EB61-CE5C-4BEF-B123-FB24E02E9B8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44465" y="25654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8013"/>
              </a:gs>
              <a:gs pos="100000">
                <a:srgbClr val="B28013"/>
              </a:gs>
              <a:gs pos="50000">
                <a:srgbClr val="F2AD1A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48" name="OTLSHAPE_TB_00000000000000000000000000000000_ElapsedTime" hidden="1">
            <a:extLst>
              <a:ext uri="{FF2B5EF4-FFF2-40B4-BE49-F238E27FC236}">
                <a16:creationId xmlns:a16="http://schemas.microsoft.com/office/drawing/2014/main" id="{95501F58-7237-4EA5-81E2-FDF3B740170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49" name="OTLSHAPE_TB_00000000000000000000000000000000_TodayMarkerShape" hidden="1">
            <a:extLst>
              <a:ext uri="{FF2B5EF4-FFF2-40B4-BE49-F238E27FC236}">
                <a16:creationId xmlns:a16="http://schemas.microsoft.com/office/drawing/2014/main" id="{98BC8FB3-9A84-4546-8FB3-30301FEE789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844879" y="29464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50" name="OTLSHAPE_TB_00000000000000000000000000000000_TodayMarkerText" hidden="1">
            <a:extLst>
              <a:ext uri="{FF2B5EF4-FFF2-40B4-BE49-F238E27FC236}">
                <a16:creationId xmlns:a16="http://schemas.microsoft.com/office/drawing/2014/main" id="{250DC642-2862-4DF3-9FF1-8D81F7D8FD85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899307" y="30734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451" name="OTLSHAPE_TB_00000000000000000000000000000000_TimescaleInterval1">
            <a:extLst>
              <a:ext uri="{FF2B5EF4-FFF2-40B4-BE49-F238E27FC236}">
                <a16:creationId xmlns:a16="http://schemas.microsoft.com/office/drawing/2014/main" id="{54CE3F6C-46E7-4132-828E-F9BBDAB8E83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07965" y="2653665"/>
            <a:ext cx="338234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Arial" panose="020B0604020202020204" pitchFamily="34" charset="0"/>
              </a:rPr>
              <a:t>May</a:t>
            </a:r>
          </a:p>
        </p:txBody>
      </p:sp>
      <p:sp>
        <p:nvSpPr>
          <p:cNvPr id="7452" name="OTLSHAPE_TB_00000000000000000000000000000000_TimescaleInterval2">
            <a:extLst>
              <a:ext uri="{FF2B5EF4-FFF2-40B4-BE49-F238E27FC236}">
                <a16:creationId xmlns:a16="http://schemas.microsoft.com/office/drawing/2014/main" id="{0CD65730-CADA-4CAA-AEC3-DC7A0CDAD0A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408404" y="2653665"/>
            <a:ext cx="219997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Arial" panose="020B0604020202020204" pitchFamily="34" charset="0"/>
              </a:rPr>
              <a:t>Jul</a:t>
            </a:r>
          </a:p>
        </p:txBody>
      </p:sp>
      <p:sp>
        <p:nvSpPr>
          <p:cNvPr id="7453" name="OTLSHAPE_TB_00000000000000000000000000000000_TimescaleInterval3">
            <a:extLst>
              <a:ext uri="{FF2B5EF4-FFF2-40B4-BE49-F238E27FC236}">
                <a16:creationId xmlns:a16="http://schemas.microsoft.com/office/drawing/2014/main" id="{EDBF281A-2D74-48BE-B20C-A048190F733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933440" y="2653665"/>
            <a:ext cx="318998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Arial" panose="020B0604020202020204" pitchFamily="34" charset="0"/>
              </a:rPr>
              <a:t>Sep</a:t>
            </a:r>
          </a:p>
        </p:txBody>
      </p:sp>
      <p:sp>
        <p:nvSpPr>
          <p:cNvPr id="7454" name="OTLSHAPE_TB_00000000000000000000000000000000_TimescaleInterval4">
            <a:extLst>
              <a:ext uri="{FF2B5EF4-FFF2-40B4-BE49-F238E27FC236}">
                <a16:creationId xmlns:a16="http://schemas.microsoft.com/office/drawing/2014/main" id="{BA1425AB-806F-481A-BBED-B1E7369D41A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433878" y="2653665"/>
            <a:ext cx="318998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Arial" panose="020B0604020202020204" pitchFamily="34" charset="0"/>
              </a:rPr>
              <a:t>Nov</a:t>
            </a:r>
          </a:p>
        </p:txBody>
      </p:sp>
      <p:sp>
        <p:nvSpPr>
          <p:cNvPr id="7455" name="OTLSHAPE_TB_00000000000000000000000000000000_TimescaleInterval5">
            <a:extLst>
              <a:ext uri="{FF2B5EF4-FFF2-40B4-BE49-F238E27FC236}">
                <a16:creationId xmlns:a16="http://schemas.microsoft.com/office/drawing/2014/main" id="{BD2C8132-2FEE-4CFE-AD4E-22B0FAFC025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934317" y="2653665"/>
            <a:ext cx="382156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7456" name="OTLSHAPE_TB_00000000000000000000000000000000_TimescaleInterval6">
            <a:extLst>
              <a:ext uri="{FF2B5EF4-FFF2-40B4-BE49-F238E27FC236}">
                <a16:creationId xmlns:a16="http://schemas.microsoft.com/office/drawing/2014/main" id="{D6E240D7-1055-47ED-8631-FAD5E48C3FA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410158" y="2653665"/>
            <a:ext cx="307777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Arial" panose="020B0604020202020204" pitchFamily="34" charset="0"/>
              </a:rPr>
              <a:t>Mar</a:t>
            </a:r>
          </a:p>
        </p:txBody>
      </p:sp>
      <p:sp>
        <p:nvSpPr>
          <p:cNvPr id="7457" name="OTLSHAPE_TB_00000000000000000000000000000000_TimescaleInterval7">
            <a:extLst>
              <a:ext uri="{FF2B5EF4-FFF2-40B4-BE49-F238E27FC236}">
                <a16:creationId xmlns:a16="http://schemas.microsoft.com/office/drawing/2014/main" id="{9B4417B7-53EE-42D9-AD03-2FB05E264CE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910597" y="2653665"/>
            <a:ext cx="338234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lt1"/>
                </a:solidFill>
                <a:latin typeface="Arial" panose="020B0604020202020204" pitchFamily="34" charset="0"/>
              </a:rPr>
              <a:t>May</a:t>
            </a:r>
          </a:p>
        </p:txBody>
      </p:sp>
      <p:sp>
        <p:nvSpPr>
          <p:cNvPr id="7481" name="OTLSHAPE_M_06f3f8edbc1b4a97a55982487a2dbda4_Title">
            <a:extLst>
              <a:ext uri="{FF2B5EF4-FFF2-40B4-BE49-F238E27FC236}">
                <a16:creationId xmlns:a16="http://schemas.microsoft.com/office/drawing/2014/main" id="{F1CB64AE-D1F3-4C09-B631-3536C7AAAD7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161146" y="1533313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Start</a:t>
            </a:r>
          </a:p>
        </p:txBody>
      </p:sp>
      <p:sp>
        <p:nvSpPr>
          <p:cNvPr id="7482" name="OTLSHAPE_M_06f3f8edbc1b4a97a55982487a2dbda4_Date">
            <a:extLst>
              <a:ext uri="{FF2B5EF4-FFF2-40B4-BE49-F238E27FC236}">
                <a16:creationId xmlns:a16="http://schemas.microsoft.com/office/drawing/2014/main" id="{E1BA636A-60FF-4220-8957-09F49B18E2A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161146" y="17292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7483" name="OTLSHAPE_M_06f3f8edbc1b4a97a55982487a2dbda4_Shape">
            <a:extLst>
              <a:ext uri="{FF2B5EF4-FFF2-40B4-BE49-F238E27FC236}">
                <a16:creationId xmlns:a16="http://schemas.microsoft.com/office/drawing/2014/main" id="{4C2D5822-0663-4499-9020-604C4E5FF1C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0796" y="1619885"/>
            <a:ext cx="228600" cy="228600"/>
          </a:xfrm>
          <a:prstGeom prst="wave">
            <a:avLst>
              <a:gd name="adj1" fmla="val 10000"/>
              <a:gd name="adj2" fmla="val 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84" name="OTLSHAPE_M_b476e954976b4971bece1f936d995adb_Title">
            <a:extLst>
              <a:ext uri="{FF2B5EF4-FFF2-40B4-BE49-F238E27FC236}">
                <a16:creationId xmlns:a16="http://schemas.microsoft.com/office/drawing/2014/main" id="{BE927B8A-FE15-45B3-97C1-3D5B21E32F0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075680" y="199855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Finish</a:t>
            </a:r>
          </a:p>
        </p:txBody>
      </p:sp>
      <p:sp>
        <p:nvSpPr>
          <p:cNvPr id="7485" name="OTLSHAPE_M_b476e954976b4971bece1f936d995adb_Date">
            <a:extLst>
              <a:ext uri="{FF2B5EF4-FFF2-40B4-BE49-F238E27FC236}">
                <a16:creationId xmlns:a16="http://schemas.microsoft.com/office/drawing/2014/main" id="{1F4CEF3E-6079-45F5-A3B0-A8BB7FB3D94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075680" y="21944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7486" name="OTLSHAPE_M_b476e954976b4971bece1f936d995adb_Shape">
            <a:extLst>
              <a:ext uri="{FF2B5EF4-FFF2-40B4-BE49-F238E27FC236}">
                <a16:creationId xmlns:a16="http://schemas.microsoft.com/office/drawing/2014/main" id="{157FCE67-0255-43A1-A404-B054C4723C9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878830" y="2116878"/>
            <a:ext cx="165100" cy="165100"/>
          </a:xfrm>
          <a:prstGeom prst="wave">
            <a:avLst>
              <a:gd name="adj1" fmla="val 10000"/>
              <a:gd name="adj2" fmla="val 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87" name="OTLSHAPE_M_e405e8ea85af4416a43b6f449d69ba59_Title">
            <a:extLst>
              <a:ext uri="{FF2B5EF4-FFF2-40B4-BE49-F238E27FC236}">
                <a16:creationId xmlns:a16="http://schemas.microsoft.com/office/drawing/2014/main" id="{E7F08178-A740-4F1B-AD73-83158818427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842556" y="19985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7488" name="OTLSHAPE_M_e405e8ea85af4416a43b6f449d69ba59_Date">
            <a:extLst>
              <a:ext uri="{FF2B5EF4-FFF2-40B4-BE49-F238E27FC236}">
                <a16:creationId xmlns:a16="http://schemas.microsoft.com/office/drawing/2014/main" id="{5302E8B5-8B6A-43F8-80BB-9BF0DA6FFE0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381840" y="21944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23</a:t>
            </a:r>
          </a:p>
        </p:txBody>
      </p:sp>
      <p:sp>
        <p:nvSpPr>
          <p:cNvPr id="7489" name="OTLSHAPE_M_e405e8ea85af4416a43b6f449d69ba59_Shape">
            <a:extLst>
              <a:ext uri="{FF2B5EF4-FFF2-40B4-BE49-F238E27FC236}">
                <a16:creationId xmlns:a16="http://schemas.microsoft.com/office/drawing/2014/main" id="{1334A655-F4DD-45E6-806B-ABB34501682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 rot="5400000">
            <a:off x="2713776" y="2116878"/>
            <a:ext cx="165100" cy="1651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90" name="OTLSHAPE_M_972a1264b027436a9f8042a02523f343_Title">
            <a:extLst>
              <a:ext uri="{FF2B5EF4-FFF2-40B4-BE49-F238E27FC236}">
                <a16:creationId xmlns:a16="http://schemas.microsoft.com/office/drawing/2014/main" id="{420ACB17-DFA9-44BE-B4E4-61D9D012765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705842" y="153331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onthly Rpts</a:t>
            </a:r>
          </a:p>
        </p:txBody>
      </p:sp>
      <p:sp>
        <p:nvSpPr>
          <p:cNvPr id="7491" name="OTLSHAPE_M_972a1264b027436a9f8042a02523f343_Date">
            <a:extLst>
              <a:ext uri="{FF2B5EF4-FFF2-40B4-BE49-F238E27FC236}">
                <a16:creationId xmlns:a16="http://schemas.microsoft.com/office/drawing/2014/main" id="{D001C75B-8409-4039-A1CC-30E81984FB8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705842" y="172923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7492" name="OTLSHAPE_M_972a1264b027436a9f8042a02523f343_Shape">
            <a:extLst>
              <a:ext uri="{FF2B5EF4-FFF2-40B4-BE49-F238E27FC236}">
                <a16:creationId xmlns:a16="http://schemas.microsoft.com/office/drawing/2014/main" id="{0288FDF5-37B7-4A27-ABF3-5BFF11E994A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rot="16200000">
            <a:off x="6508992" y="1651635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93" name="OTLSHAPE_M_8adae65f0cee43ff9c8e53664060957e_Title">
            <a:extLst>
              <a:ext uri="{FF2B5EF4-FFF2-40B4-BE49-F238E27FC236}">
                <a16:creationId xmlns:a16="http://schemas.microsoft.com/office/drawing/2014/main" id="{3CC6AFF1-4700-46EF-BE2F-6DEDCFA5842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468360" y="199855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onthly Rpts</a:t>
            </a:r>
          </a:p>
        </p:txBody>
      </p:sp>
      <p:sp>
        <p:nvSpPr>
          <p:cNvPr id="7494" name="OTLSHAPE_M_8adae65f0cee43ff9c8e53664060957e_Date">
            <a:extLst>
              <a:ext uri="{FF2B5EF4-FFF2-40B4-BE49-F238E27FC236}">
                <a16:creationId xmlns:a16="http://schemas.microsoft.com/office/drawing/2014/main" id="{6D5D7FDF-B336-44C2-8872-69855B5620C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468360" y="21944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7495" name="OTLSHAPE_M_8adae65f0cee43ff9c8e53664060957e_Shape">
            <a:extLst>
              <a:ext uri="{FF2B5EF4-FFF2-40B4-BE49-F238E27FC236}">
                <a16:creationId xmlns:a16="http://schemas.microsoft.com/office/drawing/2014/main" id="{7FCA4512-FD41-4384-BBAD-F11936BEA1E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 rot="16200000">
            <a:off x="7271510" y="211687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96" name="OTLSHAPE_M_a7cf4e4726ee48d895e2be40671381dd_Title">
            <a:extLst>
              <a:ext uri="{FF2B5EF4-FFF2-40B4-BE49-F238E27FC236}">
                <a16:creationId xmlns:a16="http://schemas.microsoft.com/office/drawing/2014/main" id="{A64FB9B3-3835-437F-B2D6-03D487280B0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442009" y="3807968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thly Report</a:t>
            </a:r>
          </a:p>
        </p:txBody>
      </p:sp>
      <p:sp>
        <p:nvSpPr>
          <p:cNvPr id="7497" name="OTLSHAPE_M_a7cf4e4726ee48d895e2be40671381dd_Date">
            <a:extLst>
              <a:ext uri="{FF2B5EF4-FFF2-40B4-BE49-F238E27FC236}">
                <a16:creationId xmlns:a16="http://schemas.microsoft.com/office/drawing/2014/main" id="{999468D4-CD86-4857-B7F7-8BA2217B3A7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442009" y="3627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5</a:t>
            </a:r>
          </a:p>
        </p:txBody>
      </p:sp>
      <p:sp>
        <p:nvSpPr>
          <p:cNvPr id="7498" name="OTLSHAPE_M_a7cf4e4726ee48d895e2be40671381dd_Shape">
            <a:extLst>
              <a:ext uri="{FF2B5EF4-FFF2-40B4-BE49-F238E27FC236}">
                <a16:creationId xmlns:a16="http://schemas.microsoft.com/office/drawing/2014/main" id="{A4AADE9C-FE4F-42A6-A061-C09F987519C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 rot="16200000">
            <a:off x="1245159" y="369506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99" name="OTLSHAPE_M_67845b0efb4348f78c331700b8e94b21_Title">
            <a:extLst>
              <a:ext uri="{FF2B5EF4-FFF2-40B4-BE49-F238E27FC236}">
                <a16:creationId xmlns:a16="http://schemas.microsoft.com/office/drawing/2014/main" id="{8D6C6D16-60BA-4946-B5FD-D91E2C9FD64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204526" y="334272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thly Report</a:t>
            </a:r>
          </a:p>
        </p:txBody>
      </p:sp>
      <p:sp>
        <p:nvSpPr>
          <p:cNvPr id="7500" name="OTLSHAPE_M_67845b0efb4348f78c331700b8e94b21_Date">
            <a:extLst>
              <a:ext uri="{FF2B5EF4-FFF2-40B4-BE49-F238E27FC236}">
                <a16:creationId xmlns:a16="http://schemas.microsoft.com/office/drawing/2014/main" id="{16B0C35E-3D5F-40AB-BBFA-47D142A0F2A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204526" y="3162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5</a:t>
            </a:r>
          </a:p>
        </p:txBody>
      </p:sp>
      <p:sp>
        <p:nvSpPr>
          <p:cNvPr id="7501" name="OTLSHAPE_M_67845b0efb4348f78c331700b8e94b21_Shape">
            <a:extLst>
              <a:ext uri="{FF2B5EF4-FFF2-40B4-BE49-F238E27FC236}">
                <a16:creationId xmlns:a16="http://schemas.microsoft.com/office/drawing/2014/main" id="{32F34014-F828-4173-B9C3-2330C476177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rot="16200000">
            <a:off x="2007676" y="322982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02" name="OTLSHAPE_M_d0195fe76ce846fd8240117dafc0136e_Title">
            <a:extLst>
              <a:ext uri="{FF2B5EF4-FFF2-40B4-BE49-F238E27FC236}">
                <a16:creationId xmlns:a16="http://schemas.microsoft.com/office/drawing/2014/main" id="{AB9C414F-007C-47F5-85A6-9427FE7585A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942447" y="3807968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onthly Report (25%)</a:t>
            </a:r>
          </a:p>
        </p:txBody>
      </p:sp>
      <p:sp>
        <p:nvSpPr>
          <p:cNvPr id="7503" name="OTLSHAPE_M_d0195fe76ce846fd8240117dafc0136e_Date">
            <a:extLst>
              <a:ext uri="{FF2B5EF4-FFF2-40B4-BE49-F238E27FC236}">
                <a16:creationId xmlns:a16="http://schemas.microsoft.com/office/drawing/2014/main" id="{B603899D-B9BF-44A2-966E-15C329AA8F8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942447" y="362754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15</a:t>
            </a:r>
          </a:p>
        </p:txBody>
      </p:sp>
      <p:sp>
        <p:nvSpPr>
          <p:cNvPr id="7504" name="OTLSHAPE_M_d0195fe76ce846fd8240117dafc0136e_Shape">
            <a:extLst>
              <a:ext uri="{FF2B5EF4-FFF2-40B4-BE49-F238E27FC236}">
                <a16:creationId xmlns:a16="http://schemas.microsoft.com/office/drawing/2014/main" id="{138461CC-F0BF-43D4-9777-4A6BCA06CB7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rot="16200000">
            <a:off x="2745597" y="369506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05" name="OTLSHAPE_M_41596a7d03a649d7b07971ba69273eff_Title">
            <a:extLst>
              <a:ext uri="{FF2B5EF4-FFF2-40B4-BE49-F238E27FC236}">
                <a16:creationId xmlns:a16="http://schemas.microsoft.com/office/drawing/2014/main" id="{54DE288B-0FDD-4CA3-A655-698AC27B59B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704965" y="334272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thly Report</a:t>
            </a:r>
          </a:p>
        </p:txBody>
      </p:sp>
      <p:sp>
        <p:nvSpPr>
          <p:cNvPr id="7506" name="OTLSHAPE_M_41596a7d03a649d7b07971ba69273eff_Date">
            <a:extLst>
              <a:ext uri="{FF2B5EF4-FFF2-40B4-BE49-F238E27FC236}">
                <a16:creationId xmlns:a16="http://schemas.microsoft.com/office/drawing/2014/main" id="{19292AC9-4C9B-423E-82FB-88E8F2EABF9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704965" y="316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7507" name="OTLSHAPE_M_41596a7d03a649d7b07971ba69273eff_Shape">
            <a:extLst>
              <a:ext uri="{FF2B5EF4-FFF2-40B4-BE49-F238E27FC236}">
                <a16:creationId xmlns:a16="http://schemas.microsoft.com/office/drawing/2014/main" id="{7C7B27C5-FC06-4D2C-A792-017C05FB311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rot="16200000">
            <a:off x="3508115" y="322982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08" name="OTLSHAPE_M_c9c3a88a98694fdfabcd660e01760999_Title">
            <a:extLst>
              <a:ext uri="{FF2B5EF4-FFF2-40B4-BE49-F238E27FC236}">
                <a16:creationId xmlns:a16="http://schemas.microsoft.com/office/drawing/2014/main" id="{BE35EF51-AA6A-4F40-9B34-BB8C2C3EB94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467483" y="3807968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thly Report</a:t>
            </a:r>
          </a:p>
        </p:txBody>
      </p:sp>
      <p:sp>
        <p:nvSpPr>
          <p:cNvPr id="7509" name="OTLSHAPE_M_c9c3a88a98694fdfabcd660e01760999_Date">
            <a:extLst>
              <a:ext uri="{FF2B5EF4-FFF2-40B4-BE49-F238E27FC236}">
                <a16:creationId xmlns:a16="http://schemas.microsoft.com/office/drawing/2014/main" id="{C8898DA4-098E-4EAC-8073-79514164108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467483" y="36275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15</a:t>
            </a:r>
          </a:p>
        </p:txBody>
      </p:sp>
      <p:sp>
        <p:nvSpPr>
          <p:cNvPr id="7510" name="OTLSHAPE_M_c9c3a88a98694fdfabcd660e01760999_Shape">
            <a:extLst>
              <a:ext uri="{FF2B5EF4-FFF2-40B4-BE49-F238E27FC236}">
                <a16:creationId xmlns:a16="http://schemas.microsoft.com/office/drawing/2014/main" id="{162CECB5-E4AE-4022-BA59-1FD89F10109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16200000">
            <a:off x="4270633" y="369506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11" name="OTLSHAPE_M_f0a32ff8691b418888b37ca24fb04414_Title">
            <a:extLst>
              <a:ext uri="{FF2B5EF4-FFF2-40B4-BE49-F238E27FC236}">
                <a16:creationId xmlns:a16="http://schemas.microsoft.com/office/drawing/2014/main" id="{083AF3B2-4178-40B4-BC8A-0D4AFA60D74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205404" y="334272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d-Program Review</a:t>
            </a:r>
          </a:p>
        </p:txBody>
      </p:sp>
      <p:sp>
        <p:nvSpPr>
          <p:cNvPr id="7512" name="OTLSHAPE_M_f0a32ff8691b418888b37ca24fb04414_Date">
            <a:extLst>
              <a:ext uri="{FF2B5EF4-FFF2-40B4-BE49-F238E27FC236}">
                <a16:creationId xmlns:a16="http://schemas.microsoft.com/office/drawing/2014/main" id="{AFB0258C-4485-47A6-90C9-936059D2E17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205404" y="3162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5</a:t>
            </a:r>
          </a:p>
        </p:txBody>
      </p:sp>
      <p:sp>
        <p:nvSpPr>
          <p:cNvPr id="7513" name="OTLSHAPE_M_f0a32ff8691b418888b37ca24fb04414_Shape">
            <a:extLst>
              <a:ext uri="{FF2B5EF4-FFF2-40B4-BE49-F238E27FC236}">
                <a16:creationId xmlns:a16="http://schemas.microsoft.com/office/drawing/2014/main" id="{924113AC-59E7-4AE8-919B-D78D54E80F75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 rot="16200000">
            <a:off x="5008554" y="322982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14" name="OTLSHAPE_M_f4fa24adddda4cd9833d74dbbb8a5676_Title">
            <a:extLst>
              <a:ext uri="{FF2B5EF4-FFF2-40B4-BE49-F238E27FC236}">
                <a16:creationId xmlns:a16="http://schemas.microsoft.com/office/drawing/2014/main" id="{5D7BAB83-F274-4F74-94FF-D96A053033C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967921" y="3807968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thly Report</a:t>
            </a:r>
          </a:p>
        </p:txBody>
      </p:sp>
      <p:sp>
        <p:nvSpPr>
          <p:cNvPr id="7515" name="OTLSHAPE_M_f4fa24adddda4cd9833d74dbbb8a5676_Date">
            <a:extLst>
              <a:ext uri="{FF2B5EF4-FFF2-40B4-BE49-F238E27FC236}">
                <a16:creationId xmlns:a16="http://schemas.microsoft.com/office/drawing/2014/main" id="{AE6CC97E-A163-46DA-89B7-AAB962F188E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967921" y="36275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7516" name="OTLSHAPE_M_f4fa24adddda4cd9833d74dbbb8a5676_Shape">
            <a:extLst>
              <a:ext uri="{FF2B5EF4-FFF2-40B4-BE49-F238E27FC236}">
                <a16:creationId xmlns:a16="http://schemas.microsoft.com/office/drawing/2014/main" id="{6035943E-E3F2-4F50-9B6F-A004B93131CE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rot="16200000">
            <a:off x="5771071" y="369506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17" name="OTLSHAPE_M_ff3d06a4977e483db9223990f0b32431_Title">
            <a:extLst>
              <a:ext uri="{FF2B5EF4-FFF2-40B4-BE49-F238E27FC236}">
                <a16:creationId xmlns:a16="http://schemas.microsoft.com/office/drawing/2014/main" id="{5ED1B49D-8F79-4778-BE43-A0D29018FDC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705842" y="334272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thly Report</a:t>
            </a:r>
          </a:p>
        </p:txBody>
      </p:sp>
      <p:sp>
        <p:nvSpPr>
          <p:cNvPr id="7518" name="OTLSHAPE_M_ff3d06a4977e483db9223990f0b32431_Date">
            <a:extLst>
              <a:ext uri="{FF2B5EF4-FFF2-40B4-BE49-F238E27FC236}">
                <a16:creationId xmlns:a16="http://schemas.microsoft.com/office/drawing/2014/main" id="{9151BA0C-4491-485B-8D51-560BC561E3A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705842" y="31623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7519" name="OTLSHAPE_M_ff3d06a4977e483db9223990f0b32431_Shape">
            <a:extLst>
              <a:ext uri="{FF2B5EF4-FFF2-40B4-BE49-F238E27FC236}">
                <a16:creationId xmlns:a16="http://schemas.microsoft.com/office/drawing/2014/main" id="{E4E211AD-FC73-4FAD-9428-058D9F23746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16200000">
            <a:off x="6508992" y="322982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20" name="OTLSHAPE_M_3f2d0e53f6744e1fba68b59ec74687c8_Title">
            <a:extLst>
              <a:ext uri="{FF2B5EF4-FFF2-40B4-BE49-F238E27FC236}">
                <a16:creationId xmlns:a16="http://schemas.microsoft.com/office/drawing/2014/main" id="{EB1FD91A-2D85-4D16-BAD7-2690506A432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468360" y="4273211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onthly Report (75%)</a:t>
            </a:r>
          </a:p>
        </p:txBody>
      </p:sp>
      <p:sp>
        <p:nvSpPr>
          <p:cNvPr id="7521" name="OTLSHAPE_M_3f2d0e53f6744e1fba68b59ec74687c8_Date">
            <a:extLst>
              <a:ext uri="{FF2B5EF4-FFF2-40B4-BE49-F238E27FC236}">
                <a16:creationId xmlns:a16="http://schemas.microsoft.com/office/drawing/2014/main" id="{A4308946-907F-4F3E-8309-26C20D58348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468360" y="409278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7522" name="OTLSHAPE_M_3f2d0e53f6744e1fba68b59ec74687c8_Shape">
            <a:extLst>
              <a:ext uri="{FF2B5EF4-FFF2-40B4-BE49-F238E27FC236}">
                <a16:creationId xmlns:a16="http://schemas.microsoft.com/office/drawing/2014/main" id="{FFBB6E43-9D6D-4E40-8259-B13A7F70F400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rot="16200000">
            <a:off x="7271510" y="416030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23" name="OTLSHAPE_M_e9301fae580f450794f56b11d24f08d1_Title">
            <a:extLst>
              <a:ext uri="{FF2B5EF4-FFF2-40B4-BE49-F238E27FC236}">
                <a16:creationId xmlns:a16="http://schemas.microsoft.com/office/drawing/2014/main" id="{B4BF079B-90C1-4E61-B03E-F08B6444B9A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230878" y="334272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thly Report</a:t>
            </a:r>
          </a:p>
        </p:txBody>
      </p:sp>
      <p:sp>
        <p:nvSpPr>
          <p:cNvPr id="7524" name="OTLSHAPE_M_e9301fae580f450794f56b11d24f08d1_Date">
            <a:extLst>
              <a:ext uri="{FF2B5EF4-FFF2-40B4-BE49-F238E27FC236}">
                <a16:creationId xmlns:a16="http://schemas.microsoft.com/office/drawing/2014/main" id="{D5E742DF-D040-43CA-908D-938221B704D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230878" y="31623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15</a:t>
            </a:r>
          </a:p>
        </p:txBody>
      </p:sp>
      <p:sp>
        <p:nvSpPr>
          <p:cNvPr id="7525" name="OTLSHAPE_M_e9301fae580f450794f56b11d24f08d1_Shape">
            <a:extLst>
              <a:ext uri="{FF2B5EF4-FFF2-40B4-BE49-F238E27FC236}">
                <a16:creationId xmlns:a16="http://schemas.microsoft.com/office/drawing/2014/main" id="{7EE83DA5-76EA-477E-B4AA-D67502F59347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6200000">
            <a:off x="8034028" y="322982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26" name="OTLSHAPE_M_cb62c24e1c5a4c9eafa2aea5fa05b90c_Title">
            <a:extLst>
              <a:ext uri="{FF2B5EF4-FFF2-40B4-BE49-F238E27FC236}">
                <a16:creationId xmlns:a16="http://schemas.microsoft.com/office/drawing/2014/main" id="{F8D51C45-3DF2-4F5C-9F91-8E708AC754D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944201" y="3807968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thly Report</a:t>
            </a:r>
          </a:p>
        </p:txBody>
      </p:sp>
      <p:sp>
        <p:nvSpPr>
          <p:cNvPr id="7527" name="OTLSHAPE_M_cb62c24e1c5a4c9eafa2aea5fa05b90c_Date">
            <a:extLst>
              <a:ext uri="{FF2B5EF4-FFF2-40B4-BE49-F238E27FC236}">
                <a16:creationId xmlns:a16="http://schemas.microsoft.com/office/drawing/2014/main" id="{01381A35-16CA-472D-A50F-76886212F73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944201" y="36275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5</a:t>
            </a:r>
          </a:p>
        </p:txBody>
      </p:sp>
      <p:sp>
        <p:nvSpPr>
          <p:cNvPr id="7528" name="OTLSHAPE_M_cb62c24e1c5a4c9eafa2aea5fa05b90c_Shape">
            <a:extLst>
              <a:ext uri="{FF2B5EF4-FFF2-40B4-BE49-F238E27FC236}">
                <a16:creationId xmlns:a16="http://schemas.microsoft.com/office/drawing/2014/main" id="{E64B9E82-AD7D-4C18-AA52-8ADEFD287A75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16200000">
            <a:off x="8747351" y="369506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29" name="OTLSHAPE_M_3e3210132cf149eda584b274488087c1_Title">
            <a:extLst>
              <a:ext uri="{FF2B5EF4-FFF2-40B4-BE49-F238E27FC236}">
                <a16:creationId xmlns:a16="http://schemas.microsoft.com/office/drawing/2014/main" id="{C60C2782-DA9F-4FF9-BF2D-3C1D12938D6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706719" y="334272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thly Report</a:t>
            </a:r>
          </a:p>
        </p:txBody>
      </p:sp>
      <p:sp>
        <p:nvSpPr>
          <p:cNvPr id="7530" name="OTLSHAPE_M_3e3210132cf149eda584b274488087c1_Date">
            <a:extLst>
              <a:ext uri="{FF2B5EF4-FFF2-40B4-BE49-F238E27FC236}">
                <a16:creationId xmlns:a16="http://schemas.microsoft.com/office/drawing/2014/main" id="{2AC33D3D-2F4F-45F3-A7B2-24CA705570E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706719" y="3162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</a:p>
        </p:txBody>
      </p:sp>
      <p:sp>
        <p:nvSpPr>
          <p:cNvPr id="7531" name="OTLSHAPE_M_3e3210132cf149eda584b274488087c1_Shape">
            <a:extLst>
              <a:ext uri="{FF2B5EF4-FFF2-40B4-BE49-F238E27FC236}">
                <a16:creationId xmlns:a16="http://schemas.microsoft.com/office/drawing/2014/main" id="{F15D9204-3282-4FD7-B878-1E69BFF1F481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9509869" y="322982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32" name="OTLSHAPE_M_2a595950d1df4e51a2301f9b0d9d2c22_Title">
            <a:extLst>
              <a:ext uri="{FF2B5EF4-FFF2-40B4-BE49-F238E27FC236}">
                <a16:creationId xmlns:a16="http://schemas.microsoft.com/office/drawing/2014/main" id="{136AE33A-FBAE-4689-A886-53E9E206B86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1551520" y="3342725"/>
            <a:ext cx="4064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inal (Tech) Report</a:t>
            </a:r>
          </a:p>
        </p:txBody>
      </p:sp>
      <p:sp>
        <p:nvSpPr>
          <p:cNvPr id="7533" name="OTLSHAPE_M_2a595950d1df4e51a2301f9b0d9d2c22_Date">
            <a:extLst>
              <a:ext uri="{FF2B5EF4-FFF2-40B4-BE49-F238E27FC236}">
                <a16:creationId xmlns:a16="http://schemas.microsoft.com/office/drawing/2014/main" id="{0587B643-0ADF-48FB-897C-1E073227522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1551520" y="3162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7534" name="OTLSHAPE_M_2a595950d1df4e51a2301f9b0d9d2c22_Shape">
            <a:extLst>
              <a:ext uri="{FF2B5EF4-FFF2-40B4-BE49-F238E27FC236}">
                <a16:creationId xmlns:a16="http://schemas.microsoft.com/office/drawing/2014/main" id="{7E803022-4218-43D6-A88D-945FA4D124D3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 rot="16200000">
            <a:off x="11354670" y="340034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5" name="Title 1">
            <a:extLst>
              <a:ext uri="{FF2B5EF4-FFF2-40B4-BE49-F238E27FC236}">
                <a16:creationId xmlns:a16="http://schemas.microsoft.com/office/drawing/2014/main" id="{4C0EA552-90B3-4ECD-9245-9CAAD02B0CCF}"/>
              </a:ext>
            </a:extLst>
          </p:cNvPr>
          <p:cNvSpPr txBox="1">
            <a:spLocks/>
          </p:cNvSpPr>
          <p:nvPr/>
        </p:nvSpPr>
        <p:spPr>
          <a:xfrm>
            <a:off x="838200" y="35502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 cap="small" baseline="0">
                <a:solidFill>
                  <a:srgbClr val="FCB61A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Project Timeline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54885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F133ED7B-905A-4C28-9650-11EEB4D2C9C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78732" y="880359"/>
            <a:ext cx="8897115" cy="4568396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B3575F1-DD81-4F07-A8C3-799D6ACC38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5503"/>
            <a:ext cx="10515600" cy="932574"/>
          </a:xfrm>
        </p:spPr>
        <p:txBody>
          <a:bodyPr/>
          <a:lstStyle/>
          <a:p>
            <a:r>
              <a:rPr lang="en-US" dirty="0"/>
              <a:t>Required Meetings and Attendees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0336AA3B-FE5F-49D8-A53C-D33F5C4F0F0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82580" y="5462389"/>
            <a:ext cx="3734775" cy="532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98848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EDB87F-93EC-469C-BFFA-3BDD43A27D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5503"/>
            <a:ext cx="10515600" cy="991524"/>
          </a:xfrm>
        </p:spPr>
        <p:txBody>
          <a:bodyPr>
            <a:normAutofit/>
          </a:bodyPr>
          <a:lstStyle/>
          <a:p>
            <a:r>
              <a:rPr lang="en-US" dirty="0"/>
              <a:t>Meeting Agendas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741F66E-7E54-452A-ABC1-3A9E401B44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66987" y="1836186"/>
            <a:ext cx="7058025" cy="2476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61684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EDB87F-93EC-469C-BFFA-3BDD43A27D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5503"/>
            <a:ext cx="10515600" cy="991524"/>
          </a:xfrm>
        </p:spPr>
        <p:txBody>
          <a:bodyPr>
            <a:normAutofit/>
          </a:bodyPr>
          <a:lstStyle/>
          <a:p>
            <a:r>
              <a:rPr lang="en-US" dirty="0"/>
              <a:t>Meeting Agendas (cont.)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25C6D22-2AE6-4606-A50F-B5FD5B7BF19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71787" y="1666875"/>
            <a:ext cx="6448425" cy="3524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95545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EDB87F-93EC-469C-BFFA-3BDD43A27D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5503"/>
            <a:ext cx="10515600" cy="991524"/>
          </a:xfrm>
        </p:spPr>
        <p:txBody>
          <a:bodyPr>
            <a:normAutofit/>
          </a:bodyPr>
          <a:lstStyle/>
          <a:p>
            <a:r>
              <a:rPr lang="en-US" dirty="0"/>
              <a:t>Meeting Agendas (cont.)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27873CD-F6FF-45C6-BDEC-AAB4614EA09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57312" y="2028825"/>
            <a:ext cx="9477375" cy="28003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311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EDB87F-93EC-469C-BFFA-3BDD43A27D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5503"/>
            <a:ext cx="10515600" cy="991524"/>
          </a:xfrm>
        </p:spPr>
        <p:txBody>
          <a:bodyPr>
            <a:normAutofit/>
          </a:bodyPr>
          <a:lstStyle/>
          <a:p>
            <a:r>
              <a:rPr lang="en-US" dirty="0"/>
              <a:t>Meeting Agendas (cont.)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44CE3F7-EEE6-49EE-92ED-8FF8A74387E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1512" y="2124075"/>
            <a:ext cx="10848975" cy="260985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5352B8C5-3204-4AE8-AAC4-61FB1E7526E4}"/>
              </a:ext>
            </a:extLst>
          </p:cNvPr>
          <p:cNvSpPr txBox="1"/>
          <p:nvPr/>
        </p:nvSpPr>
        <p:spPr>
          <a:xfrm>
            <a:off x="269032" y="4867173"/>
            <a:ext cx="11653935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rgbClr val="FF0000"/>
                </a:solidFill>
              </a:rPr>
              <a:t>THIS IS </a:t>
            </a:r>
            <a:r>
              <a:rPr lang="en-US" sz="3200" b="1" u="sng" dirty="0">
                <a:solidFill>
                  <a:srgbClr val="FF0000"/>
                </a:solidFill>
              </a:rPr>
              <a:t>YOUR</a:t>
            </a:r>
            <a:r>
              <a:rPr lang="en-US" sz="3200" b="1" dirty="0">
                <a:solidFill>
                  <a:srgbClr val="FF0000"/>
                </a:solidFill>
              </a:rPr>
              <a:t> SHOW. </a:t>
            </a:r>
          </a:p>
          <a:p>
            <a:pPr algn="ctr"/>
            <a:r>
              <a:rPr lang="en-US" sz="3200" dirty="0"/>
              <a:t>It is the project team’s victory lap</a:t>
            </a:r>
          </a:p>
        </p:txBody>
      </p:sp>
    </p:spTree>
    <p:extLst>
      <p:ext uri="{BB962C8B-B14F-4D97-AF65-F5344CB8AC3E}">
        <p14:creationId xmlns:p14="http://schemas.microsoft.com/office/powerpoint/2010/main" val="4281233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175A42-6281-4043-B676-CC31A6A4E9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porting Documents Required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7306605C-448E-40D0-8B80-BE7DD995AD9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409122778"/>
              </p:ext>
            </p:extLst>
          </p:nvPr>
        </p:nvGraphicFramePr>
        <p:xfrm>
          <a:off x="838200" y="1504078"/>
          <a:ext cx="10515600" cy="435133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87AE8DA7-8D43-4FBD-8206-EA994E54470E}"/>
              </a:ext>
            </a:extLst>
          </p:cNvPr>
          <p:cNvSpPr txBox="1"/>
          <p:nvPr/>
        </p:nvSpPr>
        <p:spPr>
          <a:xfrm>
            <a:off x="196038" y="3198167"/>
            <a:ext cx="176815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solidFill>
                  <a:srgbClr val="FF0000"/>
                </a:solidFill>
              </a:rPr>
              <a:t>Due 15</a:t>
            </a:r>
            <a:r>
              <a:rPr lang="en-US" sz="1200" b="1" baseline="30000" dirty="0">
                <a:solidFill>
                  <a:srgbClr val="FF0000"/>
                </a:solidFill>
              </a:rPr>
              <a:t>th</a:t>
            </a:r>
            <a:r>
              <a:rPr lang="en-US" sz="1200" b="1" dirty="0">
                <a:solidFill>
                  <a:srgbClr val="FF0000"/>
                </a:solidFill>
              </a:rPr>
              <a:t> of each month.  Covers previous month.</a:t>
            </a:r>
            <a:endParaRPr lang="en-US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9713986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pudWxsLCJFZGl0aW9uIjoiUGx1cyIsIklzUGx1c0VkaXRpb24iOnRydW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MjgsIkIiOjE5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M0LCJHIjoyMiwiQiI6MzB9fSwiSXNWaXNpYmxlIjp0cnVlLCJXaWR0aCI6MC4wLCJIZWlnaHQiOjAuMCwiQm9yZGVyU3R5bGUiOm51bGwsIlBhcmVudFN0eWxlIjpudWxsfSwiU2NhbGVTdHlsZSI6eyIkaWQiOiI0MiIsIlNob3dTZWdtZW50U2VwYXJhdG9ycyI6ZmFsc2UsIlNlZ21lbnRTZXBhcmF0b3JPcGFjaXR5IjozMCwiRm9udFNldHRpbmdzIjp7IiRpZCI6IjQzIiwiRm9udFNpemUiOjE0LCJGb250TmFtZSI6IkFyaWFs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wLCJHIjoxMTQsIkIiOjE4OH19LCJMaW5lV2VpZ2h0IjoxLjAsIkxpbmVUeXBlIjowLCJQYXJlbnRTdHlsZSI6bnVsbH0sIklzQmVsb3dUaW1lYmFuZCI6dHJ1ZSwiSGlkZURhdGUiOmZhbHNlLCJTaGFwZVNpemUiOjE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dHJ1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UiLCJTaGFwZSI6MSwiU2hhcGVUaGlja25lc3MiOjA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NDk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0OS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TY1LCJHIjoxNjUsIkIiOjE2NX1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zLCJJc0JlbG93VGltZWJhbmQiOnRydW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kxLCJHIjoxNTUsIkIiOjIxM319LCJJc1Zpc2libGUiOnRydWUsIldpZHRoIjowLjAsIkhlaWdodCI6MTA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mZhbHNlLCJJc0l0YWxpYyI6ZmFsc2UsIklzVW5kZXJsaW5lZCI6ZmFsc2UsIlBhcmVudFN0eWxlIjpudWxsfSwiQXV0b1NpemUiOjAsIkZvcmVncm91bmQiOnsiJGlkIjoiMTE2IiwiQ29sb3IiOnsiJGlkIjoiMTE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NDkifX0sIklzVmlzaWJsZSI6dHJ1ZSwiV2lkdGgiOjAuMCwiSGVpZ2h0IjowLjAsIkJvcmRlclN0eWxlIjpudWxsLCJQYXJlbnRTdHlsZSI6bnVsbH0sIkRhdGVTdHlsZSI6eyIkaWQiOiIxMjEiLCJGb250U2V0dGluZ3MiOnsiJGlkIjoiMTIyIiwiRm9udFNpemUiOjEwLCJGb250TmFtZSI6IkNhbGlicmkiLCJJc0JvbGQiOmZhbHNlLCJJc0l0YWxpYyI6ZmFsc2UsIklzVW5kZXJsaW5lZCI6ZmFsc2UsIlBhcmVudFN0eWxlIjpudWxsfSwiQXV0b1NpemUiOjAsIkZvcmVncm91bmQiOnsiJGlkIjoiMTIzIiwiQ29sb3IiOnsiJGlkIjoiMT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UiLCJUb3AiOjAsIkxlZnQiOjAsIlJpZ2h0IjowLCJCb3R0b20iOjB9LCJQYWRkaW5nIjp7IiRpZCI6IjEyNiIsIlRvcCI6MCwiTGVmdCI6MCwiUmlnaHQiOjAsIkJvdHRvbSI6MH0sIkJhY2tncm91bmQiOnsiJGlkIjoiMTI3IiwiQ29sb3IiOnsiJHJlZiI6IjQ5In19LCJJc1Zpc2libGUiOnRydWUsIldpZHRoIjowLjAsIkhlaWdodCI6MC4wLCJCb3JkZXJTdHlsZSI6bnVsbCwiUGFyZW50U3R5bGUiOm51bGx9LCJEYXRlRm9ybWF0Ijp7IiRpZCI6IjE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giLCJUb3AiOjAsIkxlZnQiOjAsIlJpZ2h0IjowLCJCb3R0b20iOjB9LCJQYWRkaW5nIjp7IiRpZCI6IjE0OSIsIlRvcCI6MCwiTGVmdCI6MCwiUmlnaHQiOjAsIkJvdHRvbSI6MH0sIkJhY2tncm91bmQiOnsiJHJlZiI6Ijc2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GlkIjoiMTUzIiwiQ29sb3IiOnsiJGlkIjoiMT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UiLCJUb3AiOjAsIkxlZnQiOjAsIlJpZ2h0IjowLCJCb3R0b20iOjB9LCJQYWRkaW5nIjp7IiRpZCI6IjE1NiIsIlRvcCI6MCwiTGVmdCI6MCwiUmlnaHQiOjAsIkJvdHRvbSI6MH0sIkJhY2tncm91bmQiOnsiJHJlZiI6IjgzIn0sIklzVmlzaWJsZSI6dHJ1ZSwiV2lkdGgiOjAuMCwiSGVpZ2h0IjowLjAsIkJvcmRlclN0eWxlIjp7IiRpZCI6IjE1NyIsIkxpbmVDb2xvciI6bnVsbCwiTGluZVdlaWdodCI6MC4wLCJMaW5lVHlwZSI6MCwiUGFyZW50U3R5bGUiOm51bGx9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c2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EiLCJUb3AiOjAsIkxlZnQiOjAsIlJpZ2h0IjowLCJCb3R0b20iOjB9LCJQYWRkaW5nIjp7IiRpZCI6IjE4MiIsIlRvcCI6MCwiTGVmdCI6MCwiUmlnaHQiOjAsIkJvdHRvbSI6MH0sIkJhY2tncm91bmQiOnsiJHJlZiI6IjgzIn0sIklzVmlzaWJsZSI6dHJ1ZSwiV2lkdGgiOjAuMCwiSGVpZ2h0IjowLjAsIkJvcmRlclN0eWxlIjp7IiRpZCI6IjE4MyIsIkxpbmVDb2xvciI6bnVsbCwiTGluZVdlaWdodCI6MC4wLCJMaW5lVHlwZSI6MCwiUGFyZW50U3R5bGUiOm51bGx9LCJQYXJlbnRTdHlsZSI6bnVsbH0sIkRhdGVGb3JtYXQiOnsiJGlkIjoiM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YiLCJUb3AiOjAsIkxlZnQiOjAsIlJpZ2h0IjowLCJCb3R0b20iOjB9LCJQYWRkaW5nIjp7IiRpZCI6IjIwNyIsIlRvcCI6MCwiTGVmdCI6MCwiUmlnaHQiOjAsIkJvdHRvbSI6MH0sIkJhY2tncm91bmQiOnsiJHJlZiI6IjgzIn0sIklzVmlzaWJsZSI6dHJ1ZSwiV2lkdGgiOjAuMCwiSGVpZ2h0IjowLjAsIkJvcmRlclN0eWxlIjp7IiRpZCI6IjIwOCIsIkxpbmVDb2xvciI6bnVsbCwiTGluZVdlaWdodCI6MC4wLCJMaW5lVHlwZSI6MCwiUGFyZW50U3R5bGUiOm51bGx9LCJQYXJlbnRTdHlsZSI6bnVsbH0sIkRhdGVGb3JtYXQiOnsiJGlkIjoiMj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MzIiLCJMaW5lQ29sb3IiOm51bGwsIkxpbmVXZWlnaHQiOjAuMCwiTGluZVR5cGUiOjAsIlBhcmVudFN0eWxlIjpudWxsfSwiUGFyZW50U3R5bGUiOm51bGx9LCJEYXRlU3R5bGUiOnsiJGlkIjoiMjMzIiwiRm9udFNldHRpbmdzIjp7IiRpZCI6IjIzNC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1OCIsIkxpbmVDb2xvciI6bnVsbCwiTGluZVdlaWdodCI6MC4wLCJMaW5lVHlwZSI6MCwiUGFyZW50U3R5bGUiOm51bGx9LCJQYXJlbnRTdHlsZSI6bnVsbH0sIkRhdGVTdHlsZSI6eyIkaWQiOiIyNTkiLCJGb250U2V0dGluZ3MiOnsiJGlkIjoiMjYwIiwiRm9udFNpemUiOjEw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NzEiLCJMaW5lQ29sb3IiOm51bGwsIkxpbmVXZWlnaHQiOjAuMCwiTGluZVR5cGUiOjAsIlBhcmVudFN0eWxlIjpudWxsfSwiUGFyZW50U3R5bGUiOm51bGx9LCJEYXRlU3R5bGUiOnsiJGlkIjoiMjcyIiwiRm9udFNldHRpbmdzIjp7IiRpZCI6IjI3My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ODYiLCJMaW5lQ29sb3IiOm51bGwsIkxpbmVXZWlnaHQiOjAuMCwiTGluZVR5cGUiOjAsIlBhcmVudFN0eWxlIjpudWxsfSwiUGFyZW50U3R5bGUiOm51bGx9LCJEYXRlU3R5bGUiOnsiJGlkIjoiMjg3IiwiRm9udFNldHRpbmdzIjp7IiRpZCI6IjI4OC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OTkiLCJMaW5lQ29sb3IiOm51bGwsIkxpbmVXZWlnaHQiOjAuMCwiTGluZVR5cGUiOjAsIlBhcmVudFN0eWxlIjpudWxsfSwiUGFyZW50U3R5bGUiOm51bGx9LCJEYXRlU3R5bGUiOnsiJGlkIjoiMzAwIiwiRm9udFNldHRpbmdzIjp7IiRpZCI6IjMwMS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zMTIiLCJMaW5lQ29sb3IiOm51bGwsIkxpbmVXZWlnaHQiOjAuMCwiTGluZVR5cGUiOjAsIlBhcmVudFN0eWxlIjpudWxsfSwiUGFyZW50U3R5bGUiOm51bGx9LCJEYXRlU3R5bGUiOnsiJGlkIjoiMzEzIiwiRm9udFNldHRpbmdzIjp7IiRpZCI6IjMxNC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zI1IiwiTGluZUNvbG9yIjpudWxsLCJMaW5lV2VpZ2h0IjowLjAsIkxpbmVUeXBlIjowLCJQYXJlbnRTdHlsZSI6bnVsbH0sIlBhcmVudFN0eWxlIjpudWxsfSwiRGF0ZVN0eWxlIjp7IiRpZCI6IjMyNiIsIkZvbnRTZXR0aW5ncyI6eyIkaWQiOiIzMjc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MzOCIsIkxpbmVDb2xvciI6bnVsbCwiTGluZVdlaWdodCI6MC4wLCJMaW5lVHlwZSI6MCwiUGFyZW50U3R5bGUiOm51bGx9LCJQYXJlbnRTdHlsZSI6bnVsbH0sIkRhdGVTdHlsZSI6eyIkaWQiOiIzMzkiLCJGb250U2V0dGluZ3MiOnsiJGlkIjoiMzQwIiwiRm9udFNpemUiOjEw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zUxIiwiTGluZUNvbG9yIjpudWxsLCJMaW5lV2VpZ2h0IjowLjAsIkxpbmVUeXBlIjowLCJQYXJlbnRTdHlsZSI6bnVsbH0sIlBhcmVudFN0eWxlIjpudWxsfSwiRGF0ZVN0eWxlIjp7IiRpZCI6IjM1MiIsIkZvbnRTZXR0aW5ncyI6eyIkaWQiOiIzNTM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zNjQiLCJMaW5lQ29sb3IiOm51bGwsIkxpbmVXZWlnaHQiOjAuMCwiTGluZVR5cGUiOjAsIlBhcmVudFN0eWxlIjpudWxsfSwiUGFyZW50U3R5bGUiOm51bGx9LCJEYXRlU3R5bGUiOnsiJGlkIjoiMzY1IiwiRm9udFNldHRpbmdzIjp7IiRpZCI6IjM2Ni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M3NyIsIkxpbmVDb2xvciI6bnVsbCwiTGluZVdlaWdodCI6MC4wLCJMaW5lVHlwZSI6MCwiUGFyZW50U3R5bGUiOm51bGx9LCJQYXJlbnRTdHlsZSI6bnVsbH0sIkRhdGVTdHlsZSI6eyIkaWQiOiIzNzgiLCJGb250U2V0dGluZ3MiOnsiJGlkIjoiMzc5IiwiRm9udFNpemUiOjEw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zkwIiwiTGluZUNvbG9yIjpudWxsLCJMaW5lV2VpZ2h0IjowLjAsIkxpbmVUeXBlIjowLCJQYXJlbnRTdHlsZSI6bnVsbH0sIlBhcmVudFN0eWxlIjpudWxsfSwiRGF0ZVN0eWxlIjp7IiRpZCI6IjM5MSIsIkZvbnRTZXR0aW5ncyI6eyIkaWQiOiIzOTI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0MDMiLCJMaW5lQ29sb3IiOm51bGwsIkxpbmVXZWlnaHQiOjAuMCwiTGluZVR5cGUiOjAsIlBhcmVudFN0eWxlIjpudWxsfSwiUGFyZW50U3R5bGUiOm51bGx9LCJEYXRlU3R5bGUiOnsiJGlkIjoiNDA0IiwiRm9udFNldHRpbmdzIjp7IiRpZCI6IjQwNS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NDExIiwiTGluZUNvbG9yIjpudWxsLCJMaW5lV2VpZ2h0IjowLjAsIkxpbmVUeXBlIjowLCJQYXJlbnRTdHlsZSI6bnVsbH0sIlBhcmVudFN0eWxlIjpudWxsfSwiRHVyYXRpb25TdHlsZSI6eyIkaWQiOiI0MTIiLCJGb250U2V0dGluZ3MiOnsiJGlkIjoiNDEz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0MTQiLCJMaW5lQ29sb3IiOm51bGwsIkxpbmVXZWlnaHQiOjAuMCwiTGluZVR5cGUiOjAsIlBhcmVudFN0eWxlIjpudWxsfSwiUGFyZW50U3R5bGUiOm51bGx9LCJIb3Jpem9udGFsQ29ubmVjdG9yU3R5bGUiOnsiJGlkIjoiNDE1IiwiTGluZUNvbG9yIjp7IiRyZWYiOiIxMDEifSwiTGluZVdlaWdodCI6MS4wLCJMaW5lVHlwZSI6MCwiUGFyZW50U3R5bGUiOm51bGx9LCJWZXJ0aWNhbENvbm5lY3RvclN0eWxlIjp7IiRpZCI6IjQxNi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0MjMiLCJMaW5lQ29sb3IiOm51bGwsIkxpbmVXZWlnaHQiOjAuMCwiTGluZVR5cGUiOjAsIlBhcmVudFN0eWxlIjpudWxsfSwiUGFyZW50U3R5bGUiOm51bGx9LCJEYXRlU3R5bGUiOnsiJGlkIjoiNDI0IiwiRm9udFNldHRpbmdzIjp7IiRpZCI6IjQyNS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0MzEiLCJMaW5lQ29sb3IiOm51bGwsIkxpbmVXZWlnaHQiOjAuMCwiTGluZVR5cGUiOjAsIlBhcmVudFN0eWxlIjpudWxsfSwiUGFyZW50U3R5bGUiOm51bGx9LCJEdXJhdGlvblN0eWxlIjp7IiRpZCI6IjQzMiIsIkZvbnRTZXR0aW5ncyI6eyIkaWQiOiI0MzM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zNCIsIkxpbmVDb2xvciI6bnVsbCwiTGluZVdlaWdodCI6MC4wLCJMaW5lVHlwZSI6MCwiUGFyZW50U3R5bGUiOm51bGx9LCJQYXJlbnRTdHlsZSI6bnVsbH0sIkhvcml6b250YWxDb25uZWN0b3JTdHlsZSI6eyIkaWQiOiI0MzUiLCJMaW5lQ29sb3IiOnsiJHJlZiI6IjEwMSJ9LCJMaW5lV2VpZ2h0IjoxLjAsIkxpbmVUeXBlIjowLCJQYXJlbnRTdHlsZSI6bnVsbH0sIlZlcnRpY2FsQ29ubmVjdG9yU3R5bGUiOnsiJGlkIjoiNDM2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Q0MyIsIkxpbmVDb2xvciI6bnVsbCwiTGluZVdlaWdodCI6MC4wLCJMaW5lVHlwZSI6MCwiUGFyZW50U3R5bGUiOm51bGx9LCJQYXJlbnRTdHlsZSI6bnVsbH0sIkRhdGVTdHlsZSI6eyIkaWQiOiI0NDQiLCJGb250U2V0dGluZ3MiOnsiJGlkIjoiNDQ1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1MSIsIkxpbmVDb2xvciI6bnVsbCwiTGluZVdlaWdodCI6MC4wLCJMaW5lVHlwZSI6MCwiUGFyZW50U3R5bGUiOm51bGx9LCJQYXJlbnRTdHlsZSI6bnVsbH0sIkR1cmF0aW9uU3R5bGUiOnsiJGlkIjoiNDUyIiwiRm9udFNldHRpbmdzIjp7IiRpZCI6IjQ1My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NDU0IiwiTGluZUNvbG9yIjpudWxsLCJMaW5lV2VpZ2h0IjowLjAsIkxpbmVUeXBlIjowLCJQYXJlbnRTdHlsZSI6bnVsbH0sIlBhcmVudFN0eWxlIjpudWxsfSwiSG9yaXpvbnRhbENvbm5lY3RvclN0eWxlIjp7IiRpZCI6IjQ1NSIsIkxpbmVDb2xvciI6eyIkcmVmIjoiMTAxIn0sIkxpbmVXZWlnaHQiOjEuMCwiTGluZVR5cGUiOjAsIlBhcmVudFN0eWxlIjpudWxsfSwiVmVydGljYWxDb25uZWN0b3JTdHlsZSI6eyIkaWQiOiI0NTY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cmVmIjoiMTIzIn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yZWYiOiI4OCJ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NDcxIiwiTGluZUNvbG9yIjpudWxsLCJMaW5lV2VpZ2h0IjowLjAsIkxpbmVUeXBlIjowLCJQYXJlbnRTdHlsZSI6bnVsbH0sIlBhcmVudFN0eWxlIjpudWxsfSwiRHVyYXRpb25TdHlsZSI6eyIkaWQiOiI0NzIiLCJGb250U2V0dGluZ3MiOnsiJGlkIjoiNDcz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0NzQiLCJMaW5lQ29sb3IiOm51bGwsIkxpbmVXZWlnaHQiOjAuMCwiTGluZVR5cGUiOjAsIlBhcmVudFN0eWxlIjpudWxsfSwiUGFyZW50U3R5bGUiOm51bGx9LCJIb3Jpem9udGFsQ29ubmVjdG9yU3R5bGUiOnsiJGlkIjoiNDc1IiwiTGluZUNvbG9yIjp7IiRyZWYiOiIxMDEifSwiTGluZVdlaWdodCI6MS4wLCJMaW5lVHlwZSI6MCwiUGFyZW50U3R5bGUiOm51bGx9LCJWZXJ0aWNhbENvbm5lY3RvclN0eWxlIjp7IiRpZCI6IjQ3Ni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289</TotalTime>
  <Words>912</Words>
  <Application>Microsoft Office PowerPoint</Application>
  <PresentationFormat>Widescreen</PresentationFormat>
  <Paragraphs>187</Paragraphs>
  <Slides>19</Slides>
  <Notes>7</Notes>
  <HiddenSlides>0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5" baseType="lpstr">
      <vt:lpstr>Arial</vt:lpstr>
      <vt:lpstr>Calibri</vt:lpstr>
      <vt:lpstr>Courier New</vt:lpstr>
      <vt:lpstr>Wingdings</vt:lpstr>
      <vt:lpstr>Office Theme</vt:lpstr>
      <vt:lpstr>Acrobat Document</vt:lpstr>
      <vt:lpstr>Project Overview Advanced Control of Robotic Surface Treatment ARM-TEC-18-01-F-03  UTRC RPI</vt:lpstr>
      <vt:lpstr>Kick-off Meeting Agenda &amp; Goals</vt:lpstr>
      <vt:lpstr>PowerPoint Presentation</vt:lpstr>
      <vt:lpstr>Required Meetings and Attendees</vt:lpstr>
      <vt:lpstr>Meeting Agendas</vt:lpstr>
      <vt:lpstr>Meeting Agendas (cont.)</vt:lpstr>
      <vt:lpstr>Meeting Agendas (cont.)</vt:lpstr>
      <vt:lpstr>Meeting Agendas (cont.)</vt:lpstr>
      <vt:lpstr>Reporting Documents Required</vt:lpstr>
      <vt:lpstr>Monthly Reporting</vt:lpstr>
      <vt:lpstr>Monthly Reporting</vt:lpstr>
      <vt:lpstr>Monthly Reporting (cont.)</vt:lpstr>
      <vt:lpstr>Cost Share Form</vt:lpstr>
      <vt:lpstr>Financial Reporting </vt:lpstr>
      <vt:lpstr>Final Reporting</vt:lpstr>
      <vt:lpstr>Final Presentation &amp; Demo</vt:lpstr>
      <vt:lpstr>Program Feedback</vt:lpstr>
      <vt:lpstr>Media &amp; Publication Policy</vt:lpstr>
      <vt:lpstr>Questions and Take-Aways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shley Yantes</dc:creator>
  <cp:lastModifiedBy>Cara Mazzarini</cp:lastModifiedBy>
  <cp:revision>54</cp:revision>
  <dcterms:created xsi:type="dcterms:W3CDTF">2018-01-11T15:33:35Z</dcterms:created>
  <dcterms:modified xsi:type="dcterms:W3CDTF">2019-07-23T16:58:07Z</dcterms:modified>
</cp:coreProperties>
</file>